
<file path=[Content_Types].xml><?xml version="1.0" encoding="utf-8"?>
<Types xmlns="http://schemas.openxmlformats.org/package/2006/content-types">
  <Default Extension="bin" ContentType="application/vnd.openxmlformats-officedocument.spreadsheetml.printerSettings"/>
  <Default Extension="png" ContentType="image/png"/>
  <Default Extension="rels" ContentType="application/vnd.openxmlformats-package.relationships+xml"/>
  <Default Extension="xml" ContentType="application/xml"/>
  <Default Extension="vml" ContentType="application/vnd.openxmlformats-officedocument.vmlDrawing"/>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worksheets/sheet15.xml" ContentType="application/vnd.openxmlformats-officedocument.spreadsheetml.worksheet+xml"/>
  <Override PartName="/xl/worksheets/sheet16.xml" ContentType="application/vnd.openxmlformats-officedocument.spreadsheetml.worksheet+xml"/>
  <Override PartName="/xl/worksheets/sheet17.xml" ContentType="application/vnd.openxmlformats-officedocument.spreadsheetml.worksheet+xml"/>
  <Override PartName="/xl/worksheets/sheet18.xml" ContentType="application/vnd.openxmlformats-officedocument.spreadsheetml.worksheet+xml"/>
  <Override PartName="/xl/externalLinks/externalLink1.xml" ContentType="application/vnd.openxmlformats-officedocument.spreadsheetml.externalLink+xml"/>
  <Override PartName="/xl/externalLinks/externalLink2.xml" ContentType="application/vnd.openxmlformats-officedocument.spreadsheetml.externalLink+xml"/>
  <Override PartName="/xl/externalLinks/externalLink3.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trlProps/ctrlProp1.xml" ContentType="application/vnd.ms-excel.controlproperties+xml"/>
  <Override PartName="/xl/ctrlProps/ctrlProp2.xml" ContentType="application/vnd.ms-excel.controlproperties+xml"/>
  <Override PartName="/xl/ctrlProps/ctrlProp3.xml" ContentType="application/vnd.ms-excel.controlproperties+xml"/>
  <Override PartName="/xl/drawings/drawing2.xml" ContentType="application/vnd.openxmlformats-officedocument.drawing+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fileVersion appName="xl" lastEdited="5" lowestEdited="5" rupBuild="9303"/>
  <workbookPr codeName="ThisWorkbook" hidePivotFieldList="1"/>
  <bookViews>
    <workbookView xWindow="0" yWindow="45" windowWidth="2910" windowHeight="8235"/>
  </bookViews>
  <sheets>
    <sheet name="Transitional own funds" sheetId="224" r:id="rId1"/>
    <sheet name="Overview of RWAs" sheetId="225" r:id="rId2"/>
    <sheet name="Insurance non-deducted" sheetId="203" r:id="rId3"/>
    <sheet name="SA CRM" sheetId="172" r:id="rId4"/>
    <sheet name="SA Asset class " sheetId="171" r:id="rId5"/>
    <sheet name="IRB exp PD" sheetId="208" r:id="rId6"/>
    <sheet name="IRB credit der" sheetId="175" r:id="rId7"/>
    <sheet name="CCR by approach" sheetId="219" r:id="rId8"/>
    <sheet name="CVA" sheetId="218" r:id="rId9"/>
    <sheet name="SA CCR Exp class" sheetId="178" r:id="rId10"/>
    <sheet name="IRB CCR Portf PD" sheetId="209" r:id="rId11"/>
    <sheet name="CCR netting" sheetId="202" r:id="rId12"/>
    <sheet name="CCR collateral" sheetId="181" r:id="rId13"/>
    <sheet name="CCR credit der" sheetId="186" r:id="rId14"/>
    <sheet name="MR SA" sheetId="199" r:id="rId15"/>
    <sheet name="MR IMA" sheetId="200" r:id="rId16"/>
    <sheet name="Trading book VaR" sheetId="220" r:id="rId17"/>
    <sheet name="Trading book back test" sheetId="226" r:id="rId18"/>
  </sheets>
  <externalReferences>
    <externalReference r:id="rId19"/>
    <externalReference r:id="rId20"/>
    <externalReference r:id="rId21"/>
  </externalReferences>
  <definedNames>
    <definedName name="csDesignMode">1</definedName>
    <definedName name="Input1Area">'[3].xls].xls].xls].xls].xls].xls].xls].xls].xls].xls].xls].xls].xls].xls].xls].xls].xls].xls].xls].xls].xls].xls].xls].xls].xls].xls].xls].xls].xls].xls].xls].xls].xls].xls].xls].xls].xls].xls].xls].x'!$B$2:$C$469</definedName>
    <definedName name="lmc">#REF!</definedName>
    <definedName name="_xlnm.Print_Area" localSheetId="6">'IRB credit der'!$B$1:$G$23</definedName>
    <definedName name="_xlnm.Print_Area" localSheetId="5">'IRB exp PD'!$A$1:$O$164</definedName>
    <definedName name="rub" localSheetId="16">[2]About!$A$1</definedName>
    <definedName name="rub">#REF!</definedName>
    <definedName name="sk" localSheetId="16">'[1]Securitisations 2010'!$G$83</definedName>
    <definedName name="sk">'[1]Securitisations 2010'!$G$83</definedName>
    <definedName name="ValueColNr">'[3].xls].xls].xls].xls].xls].xls].xls].xls].xls].xls].xls].xls].xls].xls].xls].xls].xls].xls].xls].xls].xls].xls].xls].xls].xls].xls].xls].xls].xls].xls].xls].xls].xls].xls].xls].xls].xls].xls].xls].x'!$H$1</definedName>
  </definedNames>
  <calcPr calcId="145621"/>
  <customWorkbookViews>
    <customWorkbookView name="Philip Winckle - Personal View" guid="{95AF7B76-EDCD-4487-BF2B-91EC6FC7CFCC}" mergeInterval="0" personalView="1" maximized="1" windowWidth="1276" windowHeight="808" tabRatio="944" activeSheetId="21"/>
  </customWorkbookViews>
</workbook>
</file>

<file path=xl/sharedStrings.xml><?xml version="1.0" encoding="utf-8"?>
<sst xmlns="http://schemas.openxmlformats.org/spreadsheetml/2006/main" count="1038" uniqueCount="342">
  <si>
    <t>Total</t>
  </si>
  <si>
    <t>Institutions</t>
  </si>
  <si>
    <t>Corporates</t>
  </si>
  <si>
    <t>Other items</t>
  </si>
  <si>
    <t>SEK m</t>
  </si>
  <si>
    <t>Risk weight</t>
  </si>
  <si>
    <t>Exposures in default</t>
  </si>
  <si>
    <t>Equity exposures</t>
  </si>
  <si>
    <t>Derivatives</t>
  </si>
  <si>
    <t/>
  </si>
  <si>
    <t xml:space="preserve">Total </t>
  </si>
  <si>
    <t>Central governments or central banks</t>
  </si>
  <si>
    <t>Regional governments or local authorities</t>
  </si>
  <si>
    <t>Public sector entities</t>
  </si>
  <si>
    <t>Retail</t>
  </si>
  <si>
    <t>Secured by mortgages on immovable property</t>
  </si>
  <si>
    <t>Items associated with particularly high risk</t>
  </si>
  <si>
    <t>Claims on institutions and corporates with a short-term credit assessment</t>
  </si>
  <si>
    <t>Exposures before CCF and CRM</t>
  </si>
  <si>
    <t>Exposures post-CCF and CRM</t>
  </si>
  <si>
    <t>On-balance sheet amount</t>
  </si>
  <si>
    <t>Off-balance sheet amount</t>
  </si>
  <si>
    <t>Multilateral development banks</t>
  </si>
  <si>
    <t>International organisations</t>
  </si>
  <si>
    <t>Others</t>
  </si>
  <si>
    <t>Deducted</t>
  </si>
  <si>
    <t>Exposure classes</t>
  </si>
  <si>
    <t>PD scale</t>
  </si>
  <si>
    <t>Original on- balance sheet gross exposure</t>
  </si>
  <si>
    <t>Off- balance sheet exposures pre CCF</t>
  </si>
  <si>
    <t>EAD
post CRM and post- CCF</t>
  </si>
  <si>
    <t>Number of obligors</t>
  </si>
  <si>
    <t>EL</t>
  </si>
  <si>
    <t>Value adjustments and Provisions</t>
  </si>
  <si>
    <t>100.00 (Default)</t>
  </si>
  <si>
    <t>Sub-total</t>
  </si>
  <si>
    <t>Replacement cost/Current market value</t>
  </si>
  <si>
    <t>Potential future exposure</t>
  </si>
  <si>
    <t>Multiplier</t>
  </si>
  <si>
    <t>Mark to market</t>
  </si>
  <si>
    <t>Internal Model Method (for derivatives and SFTs)</t>
  </si>
  <si>
    <t>Financial collateral comprehensive method (for SFTs)</t>
  </si>
  <si>
    <t>Exposure value</t>
  </si>
  <si>
    <t>All portfolios subject to the Standardised Method</t>
  </si>
  <si>
    <t>Total subject to the CVA capital charge</t>
  </si>
  <si>
    <t>Collateral used in derivative transactions</t>
  </si>
  <si>
    <t>Collateral used in SFTs</t>
  </si>
  <si>
    <t>Fair value of collateral received</t>
  </si>
  <si>
    <t>Fair value of posted collateral</t>
  </si>
  <si>
    <t>Segregated</t>
  </si>
  <si>
    <t>Unsegregated</t>
  </si>
  <si>
    <t>Cash – domestic currency</t>
  </si>
  <si>
    <t>Cash – other currencies</t>
  </si>
  <si>
    <t>Domestic sovereign debt</t>
  </si>
  <si>
    <t>Other sovereign debt</t>
  </si>
  <si>
    <t>Equity securities</t>
  </si>
  <si>
    <t>Other collateral</t>
  </si>
  <si>
    <t>Credit derivative hedges</t>
  </si>
  <si>
    <t>Other credit derivatives</t>
  </si>
  <si>
    <t>Protection bought</t>
  </si>
  <si>
    <t>Protection sold</t>
  </si>
  <si>
    <t>Notionals</t>
  </si>
  <si>
    <t>Single-name credit default swaps</t>
  </si>
  <si>
    <t>Index credit default swaps</t>
  </si>
  <si>
    <t>Total return swaps</t>
  </si>
  <si>
    <t>Credit options</t>
  </si>
  <si>
    <t>Total notionals</t>
  </si>
  <si>
    <t>Fair values</t>
  </si>
  <si>
    <t xml:space="preserve">  Positive fair value (asset)</t>
  </si>
  <si>
    <t xml:space="preserve">  Negative fair value (liability)</t>
  </si>
  <si>
    <t>Take out data from RDD - Salla / KRISTER A.</t>
  </si>
  <si>
    <t>request sent to Salla / Krister</t>
  </si>
  <si>
    <t>Own funds requirements</t>
  </si>
  <si>
    <t>Total risk exposure amount</t>
  </si>
  <si>
    <t>31 Dec 2016, SEK m</t>
  </si>
  <si>
    <t>31 Dec 2016</t>
  </si>
  <si>
    <t>Standardised approach – exposures by asset classes and risk weights</t>
  </si>
  <si>
    <t>IRB – Credit risk exposures by exposure class and PD range</t>
  </si>
  <si>
    <t>Analysis of counterparty credit risk (CCR) exposure by approach</t>
  </si>
  <si>
    <t>Credit valuation adjustment (CVA) capital charge</t>
  </si>
  <si>
    <t>Standardised approach – CCR exposures by regulatory portfolio and risk weights</t>
  </si>
  <si>
    <t>IRB – CCR exposures by portfolio and PD scale</t>
  </si>
  <si>
    <t>Composition of collateral for CCR exposure</t>
  </si>
  <si>
    <t>Credit derivatives exposures</t>
  </si>
  <si>
    <t>Of which unrated</t>
  </si>
  <si>
    <t>Comparison of VaR estimates with gains/losses</t>
  </si>
  <si>
    <t>Non-deducted participations in insurance undertakings</t>
  </si>
  <si>
    <t>Market risk under the IMA</t>
  </si>
  <si>
    <t>Market risk under the standardised approach</t>
  </si>
  <si>
    <t>Outright products</t>
  </si>
  <si>
    <t xml:space="preserve">  Interest rate risk (general and specific)</t>
  </si>
  <si>
    <t xml:space="preserve">  Equity risk (general and specific)</t>
  </si>
  <si>
    <t xml:space="preserve">  Foreign exchange risk </t>
  </si>
  <si>
    <t xml:space="preserve">  Commodity risk </t>
  </si>
  <si>
    <t>Options</t>
  </si>
  <si>
    <t xml:space="preserve">  Simplified approach</t>
  </si>
  <si>
    <t xml:space="preserve">  Delta-plus method</t>
  </si>
  <si>
    <t xml:space="preserve">  Scenario approach</t>
  </si>
  <si>
    <t>Securitisation (specific risk)</t>
  </si>
  <si>
    <t>VaR</t>
  </si>
  <si>
    <t xml:space="preserve">  Previous day's VaR (Article 365(1) of the CRR (VARt-1)</t>
  </si>
  <si>
    <t>SVaR</t>
  </si>
  <si>
    <t xml:space="preserve">  Latest SVaR (article 365(2) of the CRR (SVaRt-1)</t>
  </si>
  <si>
    <t xml:space="preserve">  Average of the SVaR (article 365(2) of the CRR) uring the preceding 60 business days (SVaRavg) x multiplication factor (mc) (Article 366 of the CRR)</t>
  </si>
  <si>
    <t xml:space="preserve">  Average of the daily VaR (Article 365(1)) of the CRR on each of the preceding 60 business days (VaRavg) x multiplication factor (mc) in accordance with Article 366 of the CRR</t>
  </si>
  <si>
    <t>Impact of netting and collateral held on exposure values</t>
  </si>
  <si>
    <t>Gross positive fair value or net carrying amount</t>
  </si>
  <si>
    <t>Netting benefits</t>
  </si>
  <si>
    <t>Netted current credit exposure</t>
  </si>
  <si>
    <t>Collateral held</t>
  </si>
  <si>
    <t>Net credit exposure</t>
  </si>
  <si>
    <t>STFs</t>
  </si>
  <si>
    <t>Cross-product netting</t>
  </si>
  <si>
    <t>Holdings of own funds instruments of a financial sector entity where the institution has a significant investment not deducted from own funds (before risk weighting)</t>
  </si>
  <si>
    <t xml:space="preserve">31 Dec 2016, SEK m </t>
  </si>
  <si>
    <t>Claims in the form of CIU</t>
  </si>
  <si>
    <t>F-IRB Corporate</t>
  </si>
  <si>
    <t>F-IRB Institutions</t>
  </si>
  <si>
    <t>Average PD (%)</t>
  </si>
  <si>
    <t>Average maturity (years)</t>
  </si>
  <si>
    <t>EAD post CRM</t>
  </si>
  <si>
    <t>Average LGD (%)</t>
  </si>
  <si>
    <t>A-IRB Corporates</t>
  </si>
  <si>
    <t>F-IRB Corporates</t>
  </si>
  <si>
    <t>A-IRB Institutions</t>
  </si>
  <si>
    <t>A-IRB Other Retail</t>
  </si>
  <si>
    <t>F-IRB Institution</t>
  </si>
  <si>
    <t>A-IRB Corporate</t>
  </si>
  <si>
    <t>A-IRB Institution</t>
  </si>
  <si>
    <t>A-IRB Retail Mortgage</t>
  </si>
  <si>
    <t>Average CCF (%)</t>
  </si>
  <si>
    <t xml:space="preserve">  CIUs</t>
  </si>
  <si>
    <t>0.03 to &lt;0.12</t>
  </si>
  <si>
    <t>0.12 to &lt;0.46</t>
  </si>
  <si>
    <t>0.46 to &lt;1.74</t>
  </si>
  <si>
    <t>1.74 to &lt;7.00</t>
  </si>
  <si>
    <t>7.00 to &lt;9.00</t>
  </si>
  <si>
    <t>9.00 to &lt;22.00</t>
  </si>
  <si>
    <t>22.00 to &lt;100.00</t>
  </si>
  <si>
    <t xml:space="preserve"> SEK m</t>
  </si>
  <si>
    <t xml:space="preserve">SEK m </t>
  </si>
  <si>
    <t>Standardised approach – credit risk exposure and credit risk mitigation (CRM) effects</t>
  </si>
  <si>
    <t>Effective expected positive exposure (EEPE)</t>
  </si>
  <si>
    <t>Average risk weight (%)</t>
  </si>
  <si>
    <t>IRB – Effect on REA of credit derivatives used as CRM techniques</t>
  </si>
  <si>
    <t>ICR (99.9%)</t>
  </si>
  <si>
    <t>Period end</t>
  </si>
  <si>
    <t>Minimum value</t>
  </si>
  <si>
    <t>Average value</t>
  </si>
  <si>
    <t>Maximum value</t>
  </si>
  <si>
    <t>SVaR (10 day 99%)</t>
  </si>
  <si>
    <t>VaR (10 day 99%)</t>
  </si>
  <si>
    <t>IMA values for trading portfolios</t>
  </si>
  <si>
    <t>Comprehensive risk capital charge (99.9%)</t>
  </si>
  <si>
    <t>30 June 2017, SEK m</t>
  </si>
  <si>
    <t>Breakdown by risk type</t>
  </si>
  <si>
    <t>Risk exposure amount</t>
  </si>
  <si>
    <t>Minimum own funds requirements</t>
  </si>
  <si>
    <t xml:space="preserve"> Credit risk (excluding counterparty credit risk)</t>
  </si>
  <si>
    <t xml:space="preserve">     of which standardised approach (SA)</t>
  </si>
  <si>
    <t xml:space="preserve">     of which foundation internal rating-based (F-IRB) approach</t>
  </si>
  <si>
    <t xml:space="preserve">     of which advanced internal rating-based (A-IRB) approach</t>
  </si>
  <si>
    <t xml:space="preserve"> Counterparty credit risk</t>
  </si>
  <si>
    <t xml:space="preserve">     of which mark to market</t>
  </si>
  <si>
    <t xml:space="preserve">     of which internal model method (IMM)</t>
  </si>
  <si>
    <t xml:space="preserve">     of which risk exposure amount for contributions to the default fund of a CCP</t>
  </si>
  <si>
    <t xml:space="preserve">     of which CVA</t>
  </si>
  <si>
    <t xml:space="preserve"> Settlement risk</t>
  </si>
  <si>
    <t xml:space="preserve"> Securitisation exposures in banking book</t>
  </si>
  <si>
    <t xml:space="preserve">   of which IRB approach</t>
  </si>
  <si>
    <t xml:space="preserve">   of which standardised approach</t>
  </si>
  <si>
    <t xml:space="preserve"> Market risk</t>
  </si>
  <si>
    <t xml:space="preserve">   of which internal model approach (IMA)</t>
  </si>
  <si>
    <t>Large exposures</t>
  </si>
  <si>
    <t xml:space="preserve"> Operational risk</t>
  </si>
  <si>
    <t xml:space="preserve">   of which advanced measurement approach</t>
  </si>
  <si>
    <t>Amounts below the thresholds for deduction (subject to 250% risk weight)</t>
  </si>
  <si>
    <t>Floor adjustment</t>
  </si>
  <si>
    <t>Additional risk exposure amount due to Article 3 CRR</t>
  </si>
  <si>
    <t xml:space="preserve"> Total</t>
  </si>
  <si>
    <t>Disclosure according to Article 5 in EU Regulation No 1423/2013</t>
  </si>
  <si>
    <t>Common Equity Tier 1 (CET1) capital: instruments and reserves</t>
  </si>
  <si>
    <t>Capital instruments and the related share premium accounts</t>
  </si>
  <si>
    <t xml:space="preserve">   of which: share capital</t>
  </si>
  <si>
    <t>Retained earnings</t>
  </si>
  <si>
    <t>Accumulated other comprehensive income (and other reserves, to include unrealised gains and losses under the applicable accounting standards)</t>
  </si>
  <si>
    <t>3a</t>
  </si>
  <si>
    <t>Funds for general banking risk</t>
  </si>
  <si>
    <t>Amount of qualifying items referred to in Article 484 (3) and the related share premium accounts subject to phase out from CET1</t>
  </si>
  <si>
    <t>Minority Interests (amount allowed in consolidated CET1)</t>
  </si>
  <si>
    <t>5a</t>
  </si>
  <si>
    <t>Independently reviewed interim profits net of any foreseeable charge or dividend</t>
  </si>
  <si>
    <t>Common Equity Tier 1 (CET1) capital before regulatory adjustments</t>
  </si>
  <si>
    <t>Common Equity Tier 1 (CET1) capital: regulatory adjustements</t>
  </si>
  <si>
    <t>Additional value adjustments (negative amount)</t>
  </si>
  <si>
    <t>Intangible assets (net of related tax liability) (negative amount)</t>
  </si>
  <si>
    <t>Empty Set in the EU</t>
  </si>
  <si>
    <t>Deferred tax assets that rely on future profitability excluding those arising from temporary differences (net of related tax liability where the conditions in Article 38 (3) are met) (negative amount)</t>
  </si>
  <si>
    <t>Fair value reserves related to gains or losses on cash flow hedges</t>
  </si>
  <si>
    <t>Negative amounts resulting from the calculation of expected loss amounts</t>
  </si>
  <si>
    <t>Any increase in equity that results from securitised assets (negative amount)</t>
  </si>
  <si>
    <t>Gains or losses on liabilities valued at fair value resulting from changes in own credit standing</t>
  </si>
  <si>
    <t>Defined-benefit pension fund assets (negative amount)</t>
  </si>
  <si>
    <t>Direct and indirect holdings by an institution of own CET1 instruments (negative amount)</t>
  </si>
  <si>
    <t>Holdings of the CET1 instruments of financial sector entities where those entities have reciprocal cross holdings with the institution designed to inflate artificially the own funds of the institution (negative amount)</t>
  </si>
  <si>
    <t>Direct and indirect holdings by the institution of the CET1 instruments of financial sector entities where the institution does not have a significant investment in those entities (amount above the 10% threshold and net of eligible short positions) (negative amount)</t>
  </si>
  <si>
    <t>Direct, indirect and synthetic holdings by the institution of the CET1 instruments of financial sector entities where the institution has a significant investment in those entities (amount above 10% threshold and net of eligible short positions) (negative amount)</t>
  </si>
  <si>
    <t>20a</t>
  </si>
  <si>
    <t>Exposure amount of the following items which qualify for a RW of 1250%, where the institution opts for the deduction alternative</t>
  </si>
  <si>
    <t>20b</t>
  </si>
  <si>
    <t xml:space="preserve">   of which qualifiying holdings outside the financial sector (negative amount)</t>
  </si>
  <si>
    <t>20c</t>
  </si>
  <si>
    <t xml:space="preserve">   of which: securitisation positions (negative amount)</t>
  </si>
  <si>
    <t>20d</t>
  </si>
  <si>
    <t xml:space="preserve">   of which: free deliveries (negative amount)</t>
  </si>
  <si>
    <t>Deferred tax assets arising from temporary differences (amount above 10% threshold, net of related tax liability where the conditions in 38 (3) are met) (negative amount)</t>
  </si>
  <si>
    <t>Amount exceeding the 17,65% threshold (negative amount)</t>
  </si>
  <si>
    <t xml:space="preserve">   of which: direct and indirect holdings by the institution of the CET1 instruments of financial sector entities where the institution has a significant investment in those entities</t>
  </si>
  <si>
    <t xml:space="preserve">   of which: deferred tax assets arising from temporary differences</t>
  </si>
  <si>
    <t>25a</t>
  </si>
  <si>
    <t>Losses for the current financial year (negative amount)</t>
  </si>
  <si>
    <t>25b</t>
  </si>
  <si>
    <t>Foreseeable tax charges relating to CET1 items (negative amount)</t>
  </si>
  <si>
    <t>Regulatory adjustments applied to Common Equity Tier 1 in respect of amounts subject to pre-CRR treatent</t>
  </si>
  <si>
    <t>26a</t>
  </si>
  <si>
    <t>Regulatory adjustments relating to unrealised gains and losses pursuant to Article 467 and 468</t>
  </si>
  <si>
    <t>Of which : … filter for unrealised gain 1</t>
  </si>
  <si>
    <t>Of which : … filter for unrealised gain 2</t>
  </si>
  <si>
    <t>26b</t>
  </si>
  <si>
    <t>Amount to be deducted from or added to Common Equity Tier 1 capital with regard to additionnal filters and deductions required pre CRR</t>
  </si>
  <si>
    <t>Qualifying AT1 deductions that exceed the AT1 capital of the institution (negative amount)</t>
  </si>
  <si>
    <t>Total regulatory adjustments to Common equity Tier 1 (CET1)</t>
  </si>
  <si>
    <t>Common Equity Tier 1 (CET1) capital</t>
  </si>
  <si>
    <t>Additional Tier 1 (AT1) capital: instruments</t>
  </si>
  <si>
    <t xml:space="preserve">   of which: classified as equity under applicable accounting standards</t>
  </si>
  <si>
    <t xml:space="preserve">   of which: classified as liabilities under applicable accounting standards</t>
  </si>
  <si>
    <t>Amount of qualifying items referred to in Article 484 (4) and the related share premium accounts subject to phase out from AT1</t>
  </si>
  <si>
    <t>Public sector capital injections grandfathered until 1 january 2018</t>
  </si>
  <si>
    <t>Qualifying Tier 1 capital included in consolidated AT1 capital (including minority interests not included in row 5) issued by subsidiaries and held by third parties</t>
  </si>
  <si>
    <t xml:space="preserve">   of which: instruments issued by subsidiaries subject to phase out</t>
  </si>
  <si>
    <t>Additional Tier 1 (AT1) capital before regulatory adjustments</t>
  </si>
  <si>
    <t>Additional Tier 1 (AT1) capital: regulatory adjustments</t>
  </si>
  <si>
    <t>Direct and indirect holdings by an institution of own AT1 Instruments (negative amount)</t>
  </si>
  <si>
    <t>Holdings of the AT1 instruments of financial sector entities where those entities have reciprocal cross holdings with the institution designed to inflate artificially the own funds of the institution (negative amount)</t>
  </si>
  <si>
    <t>Direct and indirect holdings of the AT1 instruments of financial sector entities where the institution does not have a significant investment in those entities (amount above the 10% threshold and net of eligible short positions) (negative amount)</t>
  </si>
  <si>
    <t>Direct and indirect holdings by the institution of the AT1 instruments of financial sector entities where the institution has a significant investment in those entities (amount above the 10% threshold net of eligible short positions) (negative amount)</t>
  </si>
  <si>
    <t>Regulatory adjustments applied to Additional Tier 1 capital in respect of amounts subject to pre-CRR treatment and transitional treatments subject to phase-out as prescribed in Regulation (EU) No 585/2013 (ie. CRR residual amounts)</t>
  </si>
  <si>
    <t>41a</t>
  </si>
  <si>
    <t>Residual amounts deducted from Additional Tier 1 capital with regard to deduction from Common Equity Tier 1 capital during the transitional period pursuant to article 472 of Regulation (EU) No 575/2013</t>
  </si>
  <si>
    <t>41b</t>
  </si>
  <si>
    <t>Residual amounts deducted from Additional Tier 1 capital with regard to deduction from Tier 2 capital during the transitional period pursuant to article 475 of Regulation (EU) No 575/2013</t>
  </si>
  <si>
    <t>41c</t>
  </si>
  <si>
    <t>Amounts to be deducted from added to Additional Tier 1 capital with regard to additional filters and deductions required pre- CRR</t>
  </si>
  <si>
    <t>Qualifying T2 deductions that exceed the T2 capital of the institution (negative amount)</t>
  </si>
  <si>
    <t>Total regulatory adjustments to Additional Tier 1 (AT1) capital</t>
  </si>
  <si>
    <t>Additional Tier 1 (AT1) capital</t>
  </si>
  <si>
    <t>Tier 1 capital (T1 = CET1 + AT1)</t>
  </si>
  <si>
    <t>Tier 2 (T2) capital: instruments and provisions</t>
  </si>
  <si>
    <t>Amount of qualifying items referred to in Article 484 (5) and the related share premium accounts subject to phase out from T2</t>
  </si>
  <si>
    <t>Public sector capital injections grandfathered until 1 January 2018</t>
  </si>
  <si>
    <t>Qualifying own funds instruments included in consolidated T2 capital (including minority interests and AT1 instruments not included in rows 5 or 34) issued by subsidiaries and held by third parties</t>
  </si>
  <si>
    <t>of which: instruments issued by subsidiaries subject to phase out</t>
  </si>
  <si>
    <t>Credit risk adjustments</t>
  </si>
  <si>
    <t>Tier 2 (T2) capital before regulatory adjustments</t>
  </si>
  <si>
    <t>Tier 2 (T2) capital: regulatory adjustments</t>
  </si>
  <si>
    <t>Direct and indirect holdings by an institution of own T2 instruments and subordinated loans (negative amount)</t>
  </si>
  <si>
    <t>Holdings of the T2 instruments and subordinated loans of financial sector entities where those entities have reciprocal cross holdings with the institution designed to inflate artificially the own funds of the institution (negative amount)</t>
  </si>
  <si>
    <t>Direct and indirect holdings of the T2 instruments and subordinated loans of financial sector entities where the institution does not have a significant investment in those entities (amount above 10% threshold and net of eligible short positions) (negative amount)</t>
  </si>
  <si>
    <t>54a</t>
  </si>
  <si>
    <t>of which new holdings not subject to transitional arrangements</t>
  </si>
  <si>
    <t>54b</t>
  </si>
  <si>
    <t>of which holdings existing befor 1 January 2013 and subject to transitional arrangements</t>
  </si>
  <si>
    <t>Direct and indirect holdings by the institution of the T2 instruments and subordinated loans of financial sector entities where the institution has a significant investment in those entities (net of eligible short positions) (negative amount)</t>
  </si>
  <si>
    <t>Regulatory adjustments applied to tier 2 in respect of amounts subject to pre-CRR treatment and transitional treatments subject to phase out as prescribed in Regulation (EU) No 575/2013 (i.e. CRR residual amounts)</t>
  </si>
  <si>
    <t>56a</t>
  </si>
  <si>
    <t>Residual amounts deducted from Tier 2 capital with regard to deduction from Common Equity Tier 1 capital during the transitional period pursuant to article 472 of Regulation (EU) No 575/2013</t>
  </si>
  <si>
    <t>56b</t>
  </si>
  <si>
    <t>Residual amounts deducted from Tier 2 capital with regard to deduction from Additional Tier 1 capital during the transitional period pursuant to article 475 of Regulation (EU) No 575/2013</t>
  </si>
  <si>
    <t>56c</t>
  </si>
  <si>
    <t>Amounts to be deducted from or added to Tier 2 capital with regard to additional filters and deductions required pre- CRR</t>
  </si>
  <si>
    <t>Total regulatory adjustments to Tier 2 (T2) capital</t>
  </si>
  <si>
    <t>Tier 2 (T2) capital</t>
  </si>
  <si>
    <t>Total capital (TC = T1 + T2)</t>
  </si>
  <si>
    <t>59a</t>
  </si>
  <si>
    <t>Risk weighted assets in respect of amounts subject to pre-CRR treatment and transitional treatments subject to phase out as prescribed in Regulation (EU) No 575/2013 (i.e. CRR residual amount)</t>
  </si>
  <si>
    <t>of which:… items not deducted from CET1 (Regulation (EU) No 575/2013 residual amounts) (items to be detailed line by line, e.g. Deferred tax assets that rely on future profitability net of related tax liability, indirect holdings of own CET1, etc)</t>
  </si>
  <si>
    <t>of which:…items not deducted from AT1 items (Regulation (EU) No 575/2013 residual amounts) (items to be detailed line by line, e.g. Reciprocal cross holdings in T2 instruments, direct holdings of non-significant investments in the capital of other financial sector entities, etc.)</t>
  </si>
  <si>
    <t>Items not deducted from T2 items (Regulation (EU) No 575/2013 residual amounts) (items to be detailed line by line, e.g. Indirect holdings of own T2 instruments, indirect holdings of non-significant investments in the capital of other financial sector entities, indirect holdings of significant investments in the capital of other financial sector entities etc)</t>
  </si>
  <si>
    <t>Total risk weighted assets</t>
  </si>
  <si>
    <t>Capital ratios and buffers</t>
  </si>
  <si>
    <t>Common Equity Tier 1 (as a percentage of risk exposure amount)</t>
  </si>
  <si>
    <t>Tier 1 (as a percentage of risk exposure amount)</t>
  </si>
  <si>
    <t>Total capital (as a percentage of risk exposure amount)</t>
  </si>
  <si>
    <t>Institution specific buffer requirement (CET1 requirement in accordance with article 92 (1) (a) plus capital conservation and countercyclical buffer requirements, plus systemic risk buffer, plus the systemically important institution buffer (G-SII or O-SII buffer), expressed as a percentage of risk exposure amount)</t>
  </si>
  <si>
    <t xml:space="preserve"> of which : capital conservation buffer requirements</t>
  </si>
  <si>
    <t xml:space="preserve"> of which : countercyclical buffer requirements</t>
  </si>
  <si>
    <t xml:space="preserve"> of which : systemic risk buffer requirements</t>
  </si>
  <si>
    <t>67a</t>
  </si>
  <si>
    <t xml:space="preserve"> of which : Global Systemically Important Institutions (G-SII) or Other Systemically Important Institutions (O-SII)  buffer</t>
  </si>
  <si>
    <t>Common Equity Tier 1 available to meet buffers (as a percentage of risk exposure amount)</t>
  </si>
  <si>
    <t xml:space="preserve"> (Non relevant in EU regulation)</t>
  </si>
  <si>
    <t>Amounts below the thresholds for deduction (before risk weighting)</t>
  </si>
  <si>
    <t>Direct and indirect holdings of the capital of financial sector entities where the institution does not have a significant investment in those entities (amount below 10% threshold and net of eligible short positions)</t>
  </si>
  <si>
    <t>Direct and indirect holdings by the institution of the CET 1 instruments of financial sector entities where the institution has a significant investment in those entities (amount below 10% threshold and net of eligible short positions)</t>
  </si>
  <si>
    <t>Deferred tax assets arising from temporary differences (amount below 10% threshold, net of related tax liability where the conditions in Article 38 (3) are met)</t>
  </si>
  <si>
    <t>Applicable caps on the inclusion of provisions in Tier 2</t>
  </si>
  <si>
    <t>Credit risk adjustments included in T2 in respect of exposures subject to standardized approach (prior to the application of the cap)</t>
  </si>
  <si>
    <t>Cap on inclusion of credit risk adjustments in T2 under standardised approach</t>
  </si>
  <si>
    <t>Credit risk adjustments included in T2 in respect of exposures subject to internal ratings-based approach (prior to the application of the cap)</t>
  </si>
  <si>
    <t>Cap for inclusion of credit risk adjustments in T2 under internal ratings-based approach</t>
  </si>
  <si>
    <t xml:space="preserve">Capital instruments subject to phase-out arrangements </t>
  </si>
  <si>
    <t>(only applicable between 1 Jan 2013 and 1 Jan 2022)</t>
  </si>
  <si>
    <t>Current cap on CET1 instruments subject to phase out arrangements</t>
  </si>
  <si>
    <t>Amount excluded from CET1 due to cap (excess over cap after redemptions and maturities)</t>
  </si>
  <si>
    <t>Current cap on AT1 instruments subject to phase out arrangements</t>
  </si>
  <si>
    <t>Amount excluded from AT1 due to cap (excess over cap after redemptions and maturities)</t>
  </si>
  <si>
    <t>Current cap on T2 instruments subject to phase out arrangements</t>
  </si>
  <si>
    <t>Amount excluded from T2 due to cap (excess over cap after redemptions and maturities)</t>
  </si>
  <si>
    <t>Transitional own funds for SEB consolidated situation</t>
  </si>
  <si>
    <t xml:space="preserve"> Overview of RWAs</t>
  </si>
  <si>
    <t>30 Jun 2017</t>
  </si>
  <si>
    <t>30 Jun 2017, SEK m</t>
  </si>
  <si>
    <t>Total credit exposure amount (post CCF and post-CRM)</t>
  </si>
  <si>
    <t>Actual risk exposure amount</t>
  </si>
  <si>
    <t>Pre-credit derivatives risk exposure amount</t>
  </si>
  <si>
    <t>SEB Group, Pillar 3 disclosure Q2 2017</t>
  </si>
  <si>
    <t>0.00 to &lt;0.01</t>
  </si>
  <si>
    <t>0.01 to &lt;0.03</t>
  </si>
  <si>
    <t>F-IRB Central governments or central banks</t>
  </si>
  <si>
    <t>Exposures under FIRB</t>
  </si>
  <si>
    <t>Exposures under AIRB</t>
  </si>
  <si>
    <t>Retail - Secured by real estate non-SME</t>
  </si>
  <si>
    <t>Retail - Secured by real estate SME</t>
  </si>
  <si>
    <t>Retail - Other SME</t>
  </si>
  <si>
    <t>Retail - Other non-SME</t>
  </si>
  <si>
    <t>Corporates - SMEs</t>
  </si>
  <si>
    <t>Corporates - Specialised lending</t>
  </si>
  <si>
    <t>Corporates - Other</t>
  </si>
  <si>
    <t>The Swedish FSA no longer allows risk-weighting of sovereign exposures according to the Standardised approach, so as from Q2 2017 sovereign exposures are calculated according to the IRB Foundation method.</t>
  </si>
  <si>
    <t>The Swedish FSA no longer allows risk-weighting of sovereign exposures according to the standardised approach, so as from Q2 2017 sovereign exposures are calculated according to the IRB Foundation method.</t>
  </si>
  <si>
    <t xml:space="preserve">     of which Securities Financing Transactions</t>
  </si>
  <si>
    <t xml:space="preserve">     of which derivatives &amp; Long Settlement Transactions</t>
  </si>
</sst>
</file>

<file path=xl/styles.xml><?xml version="1.0" encoding="utf-8"?>
<styleSheet xmlns="http://schemas.openxmlformats.org/spreadsheetml/2006/main" xmlns:mc="http://schemas.openxmlformats.org/markup-compatibility/2006" xmlns:x14ac="http://schemas.microsoft.com/office/spreadsheetml/2009/9/ac" mc:Ignorable="x14ac">
  <numFmts count="19">
    <numFmt numFmtId="43" formatCode="_-* #,##0.00_-;\-* #,##0.00_-;_-* &quot;-&quot;??_-;_-@_-"/>
    <numFmt numFmtId="169" formatCode="_-* #,##0\ _k_r_-;\-* #,##0\ _k_r_-;_-* &quot;-&quot;\ _k_r_-;_-@_-"/>
    <numFmt numFmtId="171" formatCode="_-* #,##0.00\ _k_r_-;\-* #,##0.00\ _k_r_-;_-* &quot;-&quot;??\ _k_r_-;_-@_-"/>
    <numFmt numFmtId="172" formatCode="_-* #,##0.00\ _€_-;\-* #,##0.00\ _€_-;_-* &quot;-&quot;??\ _€_-;_-@_-"/>
    <numFmt numFmtId="174" formatCode="0.0%"/>
    <numFmt numFmtId="177" formatCode="dd\ mmmm\ yyyy"/>
    <numFmt numFmtId="179" formatCode="_-* #,##0.00\ [$€-1]_-;\-* #,##0.00\ [$€-1]_-;_-* &quot;-&quot;??\ [$€-1]_-"/>
    <numFmt numFmtId="182" formatCode="_-* #,##0\ _k_r_-;\-* #,##0\ _k_r_-;_-* &quot;-&quot;??\ _k_r_-;_-@_-"/>
    <numFmt numFmtId="187" formatCode="[$-409]dd/mmm/yy;@"/>
    <numFmt numFmtId="191" formatCode="_(&quot;$&quot;* #,##0_);_(&quot;$&quot;* \(#,##0\);_(&quot;$&quot;* &quot;-&quot;_);_(@_)"/>
    <numFmt numFmtId="193" formatCode="#,##0.0"/>
    <numFmt numFmtId="196" formatCode="_-* #,##0\ _€_-;\-* #,##0\ _€_-;_-* &quot;-&quot;\ _€_-;_-@_-"/>
    <numFmt numFmtId="197" formatCode="_-* #,##0\ &quot;€&quot;_-;\-* #,##0\ &quot;€&quot;_-;_-* &quot;-&quot;\ &quot;€&quot;_-;_-@_-"/>
    <numFmt numFmtId="198" formatCode="_-* #,##0.00\ &quot;€&quot;_-;\-* #,##0.00\ &quot;€&quot;_-;_-* &quot;-&quot;??\ &quot;€&quot;_-;_-@_-"/>
    <numFmt numFmtId="209" formatCode="#,##0.000,"/>
    <numFmt numFmtId="211" formatCode="#,##0.000"/>
    <numFmt numFmtId="212" formatCode="0.0"/>
    <numFmt numFmtId="224" formatCode="_-* #,##0.0\ _k_r_-;\-* #,##0.0\ _k_r_-;_-* &quot;-&quot;??\ _k_r_-;_-@_-"/>
    <numFmt numFmtId="226" formatCode="#,##0.0\ _k_r"/>
  </numFmts>
  <fonts count="107">
    <font>
      <sz val="10"/>
      <name val="Arial"/>
    </font>
    <font>
      <sz val="10"/>
      <name val="Arial"/>
    </font>
    <font>
      <sz val="10"/>
      <name val="Arial"/>
      <family val="2"/>
    </font>
    <font>
      <b/>
      <sz val="10"/>
      <name val="Arial"/>
      <family val="2"/>
    </font>
    <font>
      <u/>
      <sz val="10"/>
      <color indexed="12"/>
      <name val="Arial"/>
      <family val="2"/>
    </font>
    <font>
      <sz val="10"/>
      <name val="Helv"/>
    </font>
    <font>
      <sz val="10"/>
      <color indexed="8"/>
      <name val="Arial"/>
      <family val="2"/>
    </font>
    <font>
      <sz val="10"/>
      <name val="Arial"/>
      <family val="2"/>
    </font>
    <font>
      <b/>
      <sz val="10"/>
      <name val="SEB Basic"/>
      <family val="3"/>
    </font>
    <font>
      <sz val="10"/>
      <name val="MS Sans Serif"/>
      <family val="2"/>
    </font>
    <font>
      <sz val="11"/>
      <color indexed="8"/>
      <name val="Calibri"/>
      <family val="2"/>
    </font>
    <font>
      <sz val="11"/>
      <color indexed="9"/>
      <name val="Calibri"/>
      <family val="2"/>
    </font>
    <font>
      <b/>
      <sz val="11"/>
      <color indexed="52"/>
      <name val="Calibri"/>
      <family val="2"/>
    </font>
    <font>
      <sz val="11"/>
      <color indexed="17"/>
      <name val="Calibri"/>
      <family val="2"/>
    </font>
    <font>
      <sz val="11"/>
      <color indexed="20"/>
      <name val="Calibri"/>
      <family val="2"/>
    </font>
    <font>
      <i/>
      <sz val="11"/>
      <color indexed="23"/>
      <name val="Calibri"/>
      <family val="2"/>
    </font>
    <font>
      <sz val="11"/>
      <color indexed="62"/>
      <name val="Calibri"/>
      <family val="2"/>
    </font>
    <font>
      <b/>
      <sz val="11"/>
      <color indexed="9"/>
      <name val="Calibri"/>
      <family val="2"/>
    </font>
    <font>
      <sz val="11"/>
      <color indexed="52"/>
      <name val="Calibri"/>
      <family val="2"/>
    </font>
    <font>
      <sz val="11"/>
      <color indexed="60"/>
      <name val="Calibri"/>
      <family val="2"/>
    </font>
    <font>
      <b/>
      <sz val="18"/>
      <color indexed="56"/>
      <name val="Cambria"/>
      <family val="2"/>
    </font>
    <font>
      <b/>
      <sz val="15"/>
      <color indexed="56"/>
      <name val="Calibri"/>
      <family val="2"/>
    </font>
    <font>
      <b/>
      <sz val="13"/>
      <color indexed="56"/>
      <name val="Calibri"/>
      <family val="2"/>
    </font>
    <font>
      <b/>
      <sz val="11"/>
      <color indexed="56"/>
      <name val="Calibri"/>
      <family val="2"/>
    </font>
    <font>
      <b/>
      <sz val="11"/>
      <color indexed="8"/>
      <name val="Calibri"/>
      <family val="2"/>
    </font>
    <font>
      <b/>
      <sz val="11"/>
      <color indexed="63"/>
      <name val="Calibri"/>
      <family val="2"/>
    </font>
    <font>
      <sz val="11"/>
      <color indexed="10"/>
      <name val="Calibri"/>
      <family val="2"/>
    </font>
    <font>
      <sz val="8"/>
      <color indexed="8"/>
      <name val="Tahoma"/>
      <family val="2"/>
    </font>
    <font>
      <sz val="8"/>
      <color indexed="9"/>
      <name val="Tahoma"/>
      <family val="2"/>
    </font>
    <font>
      <sz val="8"/>
      <color indexed="20"/>
      <name val="Tahoma"/>
      <family val="2"/>
    </font>
    <font>
      <b/>
      <sz val="8"/>
      <color indexed="52"/>
      <name val="Tahoma"/>
      <family val="2"/>
    </font>
    <font>
      <b/>
      <sz val="8"/>
      <color indexed="9"/>
      <name val="Tahoma"/>
      <family val="2"/>
    </font>
    <font>
      <i/>
      <sz val="8"/>
      <color indexed="23"/>
      <name val="Tahoma"/>
      <family val="2"/>
    </font>
    <font>
      <sz val="8"/>
      <color indexed="17"/>
      <name val="Tahoma"/>
      <family val="2"/>
    </font>
    <font>
      <b/>
      <sz val="15"/>
      <color indexed="56"/>
      <name val="Tahoma"/>
      <family val="2"/>
    </font>
    <font>
      <b/>
      <sz val="13"/>
      <color indexed="56"/>
      <name val="Tahoma"/>
      <family val="2"/>
    </font>
    <font>
      <b/>
      <sz val="11"/>
      <color indexed="56"/>
      <name val="Tahoma"/>
      <family val="2"/>
    </font>
    <font>
      <sz val="8"/>
      <color indexed="62"/>
      <name val="Tahoma"/>
      <family val="2"/>
    </font>
    <font>
      <sz val="8"/>
      <color indexed="52"/>
      <name val="Tahoma"/>
      <family val="2"/>
    </font>
    <font>
      <b/>
      <sz val="8"/>
      <color indexed="63"/>
      <name val="Tahoma"/>
      <family val="2"/>
    </font>
    <font>
      <sz val="10"/>
      <name val="Trebuchet MS"/>
      <family val="2"/>
    </font>
    <font>
      <b/>
      <sz val="12"/>
      <name val="Trebuchet MS"/>
      <family val="2"/>
    </font>
    <font>
      <b/>
      <sz val="10"/>
      <name val="Trebuchet MS"/>
      <family val="2"/>
    </font>
    <font>
      <b/>
      <sz val="8"/>
      <color indexed="8"/>
      <name val="Tahoma"/>
      <family val="2"/>
    </font>
    <font>
      <sz val="8"/>
      <color indexed="10"/>
      <name val="Tahoma"/>
      <family val="2"/>
    </font>
    <font>
      <sz val="10"/>
      <name val="Arial"/>
      <family val="2"/>
    </font>
    <font>
      <b/>
      <sz val="12"/>
      <name val="Arial"/>
      <family val="2"/>
    </font>
    <font>
      <sz val="10"/>
      <name val="Times New Roman"/>
      <family val="1"/>
    </font>
    <font>
      <sz val="10"/>
      <name val="Times New Roman"/>
      <family val="1"/>
    </font>
    <font>
      <b/>
      <sz val="10"/>
      <color indexed="9"/>
      <name val="Arial"/>
      <family val="2"/>
    </font>
    <font>
      <b/>
      <sz val="9"/>
      <color indexed="53"/>
      <name val="Tahoma"/>
      <family val="2"/>
    </font>
    <font>
      <sz val="9"/>
      <name val="Arial"/>
      <family val="2"/>
    </font>
    <font>
      <sz val="10"/>
      <name val="Arial"/>
      <family val="2"/>
    </font>
    <font>
      <b/>
      <i/>
      <sz val="10"/>
      <color indexed="8"/>
      <name val="Arial"/>
      <family val="2"/>
    </font>
    <font>
      <b/>
      <sz val="10"/>
      <color indexed="18"/>
      <name val="Arial"/>
      <family val="2"/>
    </font>
    <font>
      <b/>
      <sz val="22"/>
      <color indexed="18"/>
      <name val="Times New Roman"/>
      <family val="1"/>
    </font>
    <font>
      <b/>
      <sz val="11"/>
      <color indexed="10"/>
      <name val="Calibri"/>
      <family val="2"/>
    </font>
    <font>
      <b/>
      <sz val="15"/>
      <color indexed="62"/>
      <name val="Calibri"/>
      <family val="2"/>
    </font>
    <font>
      <b/>
      <sz val="13"/>
      <color indexed="62"/>
      <name val="Calibri"/>
      <family val="2"/>
    </font>
    <font>
      <b/>
      <sz val="11"/>
      <color indexed="62"/>
      <name val="Calibri"/>
      <family val="2"/>
    </font>
    <font>
      <b/>
      <sz val="18"/>
      <color indexed="62"/>
      <name val="Cambria"/>
      <family val="2"/>
    </font>
    <font>
      <sz val="11"/>
      <color indexed="8"/>
      <name val="Palatino"/>
      <family val="2"/>
    </font>
    <font>
      <sz val="11"/>
      <color indexed="9"/>
      <name val="Palatino"/>
      <family val="2"/>
    </font>
    <font>
      <sz val="11"/>
      <color indexed="20"/>
      <name val="Palatino"/>
      <family val="2"/>
    </font>
    <font>
      <b/>
      <sz val="11"/>
      <color indexed="10"/>
      <name val="Palatino"/>
      <family val="2"/>
    </font>
    <font>
      <b/>
      <sz val="11"/>
      <color indexed="9"/>
      <name val="Palatino"/>
      <family val="2"/>
    </font>
    <font>
      <i/>
      <sz val="11"/>
      <color indexed="23"/>
      <name val="Palatino"/>
      <family val="2"/>
    </font>
    <font>
      <sz val="11"/>
      <color indexed="17"/>
      <name val="Palatino"/>
      <family val="2"/>
    </font>
    <font>
      <b/>
      <sz val="15"/>
      <color indexed="62"/>
      <name val="Palatino"/>
      <family val="2"/>
    </font>
    <font>
      <b/>
      <sz val="13"/>
      <color indexed="62"/>
      <name val="Palatino"/>
      <family val="2"/>
    </font>
    <font>
      <b/>
      <sz val="11"/>
      <color indexed="62"/>
      <name val="Palatino"/>
      <family val="2"/>
    </font>
    <font>
      <sz val="11"/>
      <color indexed="62"/>
      <name val="Palatino"/>
      <family val="2"/>
    </font>
    <font>
      <sz val="11"/>
      <color indexed="10"/>
      <name val="Palatino"/>
      <family val="2"/>
    </font>
    <font>
      <sz val="11"/>
      <color indexed="19"/>
      <name val="Palatino"/>
      <family val="2"/>
    </font>
    <font>
      <b/>
      <sz val="11"/>
      <color indexed="63"/>
      <name val="Palatino"/>
      <family val="2"/>
    </font>
    <font>
      <b/>
      <sz val="11"/>
      <color indexed="8"/>
      <name val="Palatino"/>
      <family val="2"/>
    </font>
    <font>
      <b/>
      <sz val="10"/>
      <name val="SEB SansSerif"/>
    </font>
    <font>
      <sz val="10"/>
      <name val="SEB SansSerif"/>
    </font>
    <font>
      <i/>
      <sz val="10"/>
      <name val="SEB SansSerif"/>
    </font>
    <font>
      <b/>
      <sz val="12"/>
      <name val="SEB SansSerif"/>
    </font>
    <font>
      <sz val="8"/>
      <name val="SEB SansSerif"/>
    </font>
    <font>
      <b/>
      <sz val="10"/>
      <color indexed="8"/>
      <name val="SEB SansSerif"/>
    </font>
    <font>
      <i/>
      <sz val="10"/>
      <name val="SEB SansSerif"/>
    </font>
    <font>
      <sz val="10"/>
      <name val="Arial"/>
      <family val="2"/>
      <charset val="186"/>
    </font>
    <font>
      <sz val="10"/>
      <name val="SEB SansSerif"/>
    </font>
    <font>
      <sz val="10"/>
      <name val="SEB SansSerif"/>
    </font>
    <font>
      <sz val="10"/>
      <color theme="1"/>
      <name val="SEB Basic"/>
      <family val="2"/>
      <scheme val="minor"/>
    </font>
    <font>
      <sz val="11"/>
      <color rgb="FF000000"/>
      <name val="Calibri"/>
      <family val="2"/>
    </font>
    <font>
      <sz val="10"/>
      <color theme="1"/>
      <name val="SEB Basic"/>
      <family val="2"/>
    </font>
    <font>
      <sz val="10"/>
      <color rgb="FF000000"/>
      <name val="Times New Roman"/>
      <family val="1"/>
    </font>
    <font>
      <sz val="11"/>
      <color theme="1"/>
      <name val="Arial"/>
      <family val="2"/>
    </font>
    <font>
      <sz val="10"/>
      <color theme="1"/>
      <name val="SEB Basic"/>
      <family val="3"/>
    </font>
    <font>
      <b/>
      <sz val="10"/>
      <color theme="1"/>
      <name val="SEB Basic"/>
      <family val="3"/>
    </font>
    <font>
      <sz val="10"/>
      <color theme="1"/>
      <name val="SEB SansSerif"/>
    </font>
    <font>
      <sz val="11"/>
      <color rgb="FFFF0000"/>
      <name val="SEB SansSerif"/>
    </font>
    <font>
      <b/>
      <sz val="10"/>
      <color theme="1"/>
      <name val="SEB SansSerif"/>
    </font>
    <font>
      <sz val="10"/>
      <color rgb="FFFF0000"/>
      <name val="SEB SansSerif"/>
    </font>
    <font>
      <b/>
      <sz val="10"/>
      <color rgb="FFFF0000"/>
      <name val="SEB SansSerif"/>
    </font>
    <font>
      <b/>
      <i/>
      <sz val="11"/>
      <color rgb="FFFF0000"/>
      <name val="SEB SansSerif"/>
    </font>
    <font>
      <b/>
      <sz val="11"/>
      <color theme="1"/>
      <name val="SEB SansSerif"/>
    </font>
    <font>
      <sz val="12"/>
      <color theme="1"/>
      <name val="SEB SansSerif"/>
    </font>
    <font>
      <sz val="10"/>
      <color rgb="FF000000"/>
      <name val="SEB SansSerif"/>
    </font>
    <font>
      <i/>
      <sz val="10"/>
      <color theme="1"/>
      <name val="SEB SansSerif"/>
    </font>
    <font>
      <i/>
      <sz val="10"/>
      <color rgb="FFFF0000"/>
      <name val="SEB SansSerif"/>
    </font>
    <font>
      <b/>
      <sz val="10"/>
      <color theme="0"/>
      <name val="SEB SansSerif"/>
    </font>
    <font>
      <sz val="10"/>
      <color rgb="FF0070FF"/>
      <name val="SEB SansSerif"/>
    </font>
    <font>
      <b/>
      <i/>
      <sz val="10"/>
      <color theme="1"/>
      <name val="SEB SansSerif"/>
    </font>
  </fonts>
  <fills count="37">
    <fill>
      <patternFill patternType="none"/>
    </fill>
    <fill>
      <patternFill patternType="gray125"/>
    </fill>
    <fill>
      <patternFill patternType="solid">
        <fgColor indexed="31"/>
      </patternFill>
    </fill>
    <fill>
      <patternFill patternType="solid">
        <fgColor indexed="44"/>
      </patternFill>
    </fill>
    <fill>
      <patternFill patternType="solid">
        <fgColor indexed="45"/>
      </patternFill>
    </fill>
    <fill>
      <patternFill patternType="solid">
        <fgColor indexed="29"/>
      </patternFill>
    </fill>
    <fill>
      <patternFill patternType="solid">
        <fgColor indexed="42"/>
      </patternFill>
    </fill>
    <fill>
      <patternFill patternType="solid">
        <fgColor indexed="26"/>
      </patternFill>
    </fill>
    <fill>
      <patternFill patternType="solid">
        <fgColor indexed="46"/>
      </patternFill>
    </fill>
    <fill>
      <patternFill patternType="solid">
        <fgColor indexed="47"/>
      </patternFill>
    </fill>
    <fill>
      <patternFill patternType="solid">
        <fgColor indexed="27"/>
      </patternFill>
    </fill>
    <fill>
      <patternFill patternType="solid">
        <fgColor indexed="11"/>
      </patternFill>
    </fill>
    <fill>
      <patternFill patternType="solid">
        <fgColor indexed="43"/>
      </patternFill>
    </fill>
    <fill>
      <patternFill patternType="solid">
        <fgColor indexed="51"/>
      </patternFill>
    </fill>
    <fill>
      <patternFill patternType="solid">
        <fgColor indexed="30"/>
      </patternFill>
    </fill>
    <fill>
      <patternFill patternType="solid">
        <fgColor indexed="53"/>
      </patternFill>
    </fill>
    <fill>
      <patternFill patternType="solid">
        <fgColor indexed="36"/>
      </patternFill>
    </fill>
    <fill>
      <patternFill patternType="solid">
        <fgColor indexed="49"/>
      </patternFill>
    </fill>
    <fill>
      <patternFill patternType="solid">
        <fgColor indexed="52"/>
      </patternFill>
    </fill>
    <fill>
      <patternFill patternType="solid">
        <fgColor indexed="62"/>
      </patternFill>
    </fill>
    <fill>
      <patternFill patternType="solid">
        <fgColor indexed="56"/>
      </patternFill>
    </fill>
    <fill>
      <patternFill patternType="solid">
        <fgColor indexed="10"/>
      </patternFill>
    </fill>
    <fill>
      <patternFill patternType="solid">
        <fgColor indexed="57"/>
      </patternFill>
    </fill>
    <fill>
      <patternFill patternType="solid">
        <fgColor indexed="54"/>
      </patternFill>
    </fill>
    <fill>
      <patternFill patternType="solid">
        <fgColor indexed="22"/>
      </patternFill>
    </fill>
    <fill>
      <patternFill patternType="solid">
        <fgColor indexed="9"/>
      </patternFill>
    </fill>
    <fill>
      <patternFill patternType="solid">
        <fgColor indexed="55"/>
      </patternFill>
    </fill>
    <fill>
      <patternFill patternType="solid">
        <fgColor indexed="23"/>
        <bgColor indexed="64"/>
      </patternFill>
    </fill>
    <fill>
      <patternFill patternType="solid">
        <fgColor indexed="9"/>
        <bgColor indexed="64"/>
      </patternFill>
    </fill>
    <fill>
      <patternFill patternType="solid">
        <fgColor indexed="42"/>
        <bgColor indexed="64"/>
      </patternFill>
    </fill>
    <fill>
      <patternFill patternType="solid">
        <fgColor indexed="22"/>
        <bgColor indexed="64"/>
      </patternFill>
    </fill>
    <fill>
      <patternFill patternType="solid">
        <fgColor indexed="18"/>
        <bgColor indexed="64"/>
      </patternFill>
    </fill>
    <fill>
      <patternFill patternType="solid">
        <fgColor indexed="57"/>
        <bgColor indexed="64"/>
      </patternFill>
    </fill>
    <fill>
      <patternFill patternType="solid">
        <fgColor rgb="FFC0C0C0"/>
        <bgColor indexed="64"/>
      </patternFill>
    </fill>
    <fill>
      <patternFill patternType="solid">
        <fgColor theme="0"/>
        <bgColor indexed="64"/>
      </patternFill>
    </fill>
    <fill>
      <patternFill patternType="solid">
        <fgColor theme="0" tint="-0.14999847407452621"/>
        <bgColor indexed="64"/>
      </patternFill>
    </fill>
    <fill>
      <patternFill patternType="solid">
        <fgColor theme="0" tint="-0.249977111117893"/>
        <bgColor indexed="64"/>
      </patternFill>
    </fill>
  </fills>
  <borders count="36">
    <border>
      <left/>
      <right/>
      <top/>
      <bottom/>
      <diagonal/>
    </border>
    <border>
      <left/>
      <right/>
      <top/>
      <bottom style="thin">
        <color indexed="18"/>
      </bottom>
      <diagonal/>
    </border>
    <border>
      <left style="thin">
        <color indexed="22"/>
      </left>
      <right style="thin">
        <color indexed="22"/>
      </right>
      <top style="thin">
        <color indexed="22"/>
      </top>
      <bottom style="thin">
        <color indexed="22"/>
      </bottom>
      <diagonal/>
    </border>
    <border>
      <left/>
      <right/>
      <top style="thin">
        <color indexed="60"/>
      </top>
      <bottom/>
      <diagonal/>
    </border>
    <border>
      <left style="thin">
        <color indexed="23"/>
      </left>
      <right style="thin">
        <color indexed="23"/>
      </right>
      <top style="thin">
        <color indexed="23"/>
      </top>
      <bottom style="thin">
        <color indexed="23"/>
      </bottom>
      <diagonal/>
    </border>
    <border>
      <left style="double">
        <color indexed="63"/>
      </left>
      <right style="double">
        <color indexed="63"/>
      </right>
      <top style="double">
        <color indexed="63"/>
      </top>
      <bottom style="double">
        <color indexed="63"/>
      </bottom>
      <diagonal/>
    </border>
    <border>
      <left/>
      <right/>
      <top/>
      <bottom style="thick">
        <color indexed="62"/>
      </bottom>
      <diagonal/>
    </border>
    <border>
      <left/>
      <right/>
      <top/>
      <bottom style="thick">
        <color indexed="56"/>
      </bottom>
      <diagonal/>
    </border>
    <border>
      <left/>
      <right/>
      <top/>
      <bottom style="thick">
        <color indexed="22"/>
      </bottom>
      <diagonal/>
    </border>
    <border>
      <left/>
      <right/>
      <top/>
      <bottom style="thick">
        <color indexed="27"/>
      </bottom>
      <diagonal/>
    </border>
    <border>
      <left/>
      <right/>
      <top/>
      <bottom style="medium">
        <color indexed="30"/>
      </bottom>
      <diagonal/>
    </border>
    <border>
      <left/>
      <right/>
      <top/>
      <bottom style="medium">
        <color indexed="27"/>
      </bottom>
      <diagonal/>
    </border>
    <border>
      <left style="thin">
        <color indexed="64"/>
      </left>
      <right/>
      <top style="thin">
        <color indexed="64"/>
      </top>
      <bottom style="thin">
        <color indexed="64"/>
      </bottom>
      <diagonal/>
    </border>
    <border>
      <left/>
      <right/>
      <top/>
      <bottom style="double">
        <color indexed="52"/>
      </bottom>
      <diagonal/>
    </border>
    <border>
      <left/>
      <right/>
      <top/>
      <bottom style="double">
        <color indexed="10"/>
      </bottom>
      <diagonal/>
    </border>
    <border>
      <left style="thin">
        <color indexed="64"/>
      </left>
      <right style="thin">
        <color indexed="64"/>
      </right>
      <top style="thin">
        <color indexed="64"/>
      </top>
      <bottom style="thin">
        <color indexed="64"/>
      </bottom>
      <diagonal/>
    </border>
    <border>
      <left style="thin">
        <color indexed="63"/>
      </left>
      <right style="thin">
        <color indexed="63"/>
      </right>
      <top style="thin">
        <color indexed="63"/>
      </top>
      <bottom style="thin">
        <color indexed="63"/>
      </bottom>
      <diagonal/>
    </border>
    <border>
      <left/>
      <right style="thin">
        <color indexed="64"/>
      </right>
      <top/>
      <bottom/>
      <diagonal/>
    </border>
    <border>
      <left/>
      <right/>
      <top/>
      <bottom style="medium">
        <color indexed="64"/>
      </bottom>
      <diagonal/>
    </border>
    <border>
      <left/>
      <right/>
      <top/>
      <bottom style="thin">
        <color indexed="55"/>
      </bottom>
      <diagonal/>
    </border>
    <border>
      <left/>
      <right/>
      <top style="thin">
        <color indexed="62"/>
      </top>
      <bottom style="double">
        <color indexed="62"/>
      </bottom>
      <diagonal/>
    </border>
    <border>
      <left/>
      <right/>
      <top style="thin">
        <color indexed="56"/>
      </top>
      <bottom style="double">
        <color indexed="56"/>
      </bottom>
      <diagonal/>
    </border>
    <border>
      <left style="hair">
        <color indexed="64"/>
      </left>
      <right style="hair">
        <color indexed="64"/>
      </right>
      <top style="hair">
        <color indexed="64"/>
      </top>
      <bottom style="hair">
        <color indexed="64"/>
      </bottom>
      <diagonal/>
    </border>
    <border>
      <left/>
      <right/>
      <top/>
      <bottom style="thin">
        <color indexed="64"/>
      </bottom>
      <diagonal/>
    </border>
    <border>
      <left style="thin">
        <color indexed="64"/>
      </left>
      <right/>
      <top style="thin">
        <color indexed="64"/>
      </top>
      <bottom/>
      <diagonal/>
    </border>
    <border>
      <left style="thin">
        <color indexed="64"/>
      </left>
      <right/>
      <top/>
      <bottom style="thin">
        <color indexed="64"/>
      </bottom>
      <diagonal/>
    </border>
    <border>
      <left/>
      <right style="thin">
        <color indexed="64"/>
      </right>
      <top/>
      <bottom style="thin">
        <color indexed="64"/>
      </bottom>
      <diagonal/>
    </border>
    <border>
      <left style="thin">
        <color indexed="64"/>
      </left>
      <right/>
      <top/>
      <bottom/>
      <diagonal/>
    </border>
    <border>
      <left/>
      <right/>
      <top style="thin">
        <color indexed="64"/>
      </top>
      <bottom/>
      <diagonal/>
    </border>
    <border>
      <left/>
      <right/>
      <top style="thin">
        <color indexed="64"/>
      </top>
      <bottom style="thin">
        <color indexed="64"/>
      </bottom>
      <diagonal/>
    </border>
    <border>
      <left/>
      <right/>
      <top style="thin">
        <color indexed="8"/>
      </top>
      <bottom/>
      <diagonal/>
    </border>
    <border>
      <left/>
      <right style="thin">
        <color indexed="64"/>
      </right>
      <top style="thin">
        <color indexed="64"/>
      </top>
      <bottom style="thin">
        <color indexed="64"/>
      </bottom>
      <diagonal/>
    </border>
    <border>
      <left/>
      <right style="thin">
        <color indexed="64"/>
      </right>
      <top style="thin">
        <color indexed="64"/>
      </top>
      <bottom/>
      <diagonal/>
    </border>
    <border>
      <left/>
      <right/>
      <top/>
      <bottom style="thin">
        <color indexed="8"/>
      </bottom>
      <diagonal/>
    </border>
    <border>
      <left style="medium">
        <color rgb="FFFFFFFF"/>
      </left>
      <right style="medium">
        <color rgb="FFFFFFFF"/>
      </right>
      <top style="medium">
        <color rgb="FFFFFFFF"/>
      </top>
      <bottom style="medium">
        <color rgb="FFFFFFFF"/>
      </bottom>
      <diagonal/>
    </border>
    <border>
      <left style="medium">
        <color rgb="FFFFFFFF"/>
      </left>
      <right style="medium">
        <color rgb="FFFFFFFF"/>
      </right>
      <top style="medium">
        <color rgb="FFFFFFFF"/>
      </top>
      <bottom style="thin">
        <color indexed="64"/>
      </bottom>
      <diagonal/>
    </border>
  </borders>
  <cellStyleXfs count="616">
    <xf numFmtId="0" fontId="0" fillId="0" borderId="0"/>
    <xf numFmtId="0" fontId="9" fillId="0" borderId="0"/>
    <xf numFmtId="0" fontId="51" fillId="0" borderId="1"/>
    <xf numFmtId="0" fontId="9" fillId="0" borderId="0"/>
    <xf numFmtId="0" fontId="9" fillId="0" borderId="0"/>
    <xf numFmtId="0" fontId="2" fillId="0" borderId="0">
      <alignment vertical="center"/>
    </xf>
    <xf numFmtId="0" fontId="27" fillId="2" borderId="0" applyNumberFormat="0" applyBorder="0" applyAlignment="0" applyProtection="0"/>
    <xf numFmtId="0" fontId="61" fillId="3" borderId="0" applyNumberFormat="0" applyBorder="0" applyAlignment="0" applyProtection="0"/>
    <xf numFmtId="0" fontId="27" fillId="2" borderId="0" applyNumberFormat="0" applyBorder="0" applyAlignment="0" applyProtection="0"/>
    <xf numFmtId="0" fontId="27" fillId="2" borderId="0" applyNumberFormat="0" applyBorder="0" applyAlignment="0" applyProtection="0"/>
    <xf numFmtId="0" fontId="27" fillId="4" borderId="0" applyNumberFormat="0" applyBorder="0" applyAlignment="0" applyProtection="0"/>
    <xf numFmtId="0" fontId="61" fillId="5" borderId="0" applyNumberFormat="0" applyBorder="0" applyAlignment="0" applyProtection="0"/>
    <xf numFmtId="0" fontId="27" fillId="4" borderId="0" applyNumberFormat="0" applyBorder="0" applyAlignment="0" applyProtection="0"/>
    <xf numFmtId="0" fontId="27" fillId="4" borderId="0" applyNumberFormat="0" applyBorder="0" applyAlignment="0" applyProtection="0"/>
    <xf numFmtId="0" fontId="27" fillId="6" borderId="0" applyNumberFormat="0" applyBorder="0" applyAlignment="0" applyProtection="0"/>
    <xf numFmtId="0" fontId="61" fillId="7" borderId="0" applyNumberFormat="0" applyBorder="0" applyAlignment="0" applyProtection="0"/>
    <xf numFmtId="0" fontId="27" fillId="6" borderId="0" applyNumberFormat="0" applyBorder="0" applyAlignment="0" applyProtection="0"/>
    <xf numFmtId="0" fontId="27" fillId="6" borderId="0" applyNumberFormat="0" applyBorder="0" applyAlignment="0" applyProtection="0"/>
    <xf numFmtId="0" fontId="27" fillId="8" borderId="0" applyNumberFormat="0" applyBorder="0" applyAlignment="0" applyProtection="0"/>
    <xf numFmtId="0" fontId="61" fillId="9" borderId="0" applyNumberFormat="0" applyBorder="0" applyAlignment="0" applyProtection="0"/>
    <xf numFmtId="0" fontId="27" fillId="8" borderId="0" applyNumberFormat="0" applyBorder="0" applyAlignment="0" applyProtection="0"/>
    <xf numFmtId="0" fontId="27" fillId="8" borderId="0" applyNumberFormat="0" applyBorder="0" applyAlignment="0" applyProtection="0"/>
    <xf numFmtId="0" fontId="27" fillId="10" borderId="0" applyNumberFormat="0" applyBorder="0" applyAlignment="0" applyProtection="0"/>
    <xf numFmtId="0" fontId="61" fillId="10" borderId="0" applyNumberFormat="0" applyBorder="0" applyAlignment="0" applyProtection="0"/>
    <xf numFmtId="0" fontId="27" fillId="10" borderId="0" applyNumberFormat="0" applyBorder="0" applyAlignment="0" applyProtection="0"/>
    <xf numFmtId="0" fontId="27" fillId="10" borderId="0" applyNumberFormat="0" applyBorder="0" applyAlignment="0" applyProtection="0"/>
    <xf numFmtId="0" fontId="27" fillId="9" borderId="0" applyNumberFormat="0" applyBorder="0" applyAlignment="0" applyProtection="0"/>
    <xf numFmtId="0" fontId="61" fillId="7" borderId="0" applyNumberFormat="0" applyBorder="0" applyAlignment="0" applyProtection="0"/>
    <xf numFmtId="0" fontId="27" fillId="9" borderId="0" applyNumberFormat="0" applyBorder="0" applyAlignment="0" applyProtection="0"/>
    <xf numFmtId="0" fontId="27" fillId="9" borderId="0" applyNumberFormat="0" applyBorder="0" applyAlignment="0" applyProtection="0"/>
    <xf numFmtId="0" fontId="10" fillId="2" borderId="0" applyNumberFormat="0" applyBorder="0" applyAlignment="0" applyProtection="0"/>
    <xf numFmtId="0" fontId="10" fillId="3" borderId="0" applyNumberFormat="0" applyBorder="0" applyAlignment="0" applyProtection="0"/>
    <xf numFmtId="0" fontId="10" fillId="4" borderId="0" applyNumberFormat="0" applyBorder="0" applyAlignment="0" applyProtection="0"/>
    <xf numFmtId="0" fontId="10" fillId="5" borderId="0" applyNumberFormat="0" applyBorder="0" applyAlignment="0" applyProtection="0"/>
    <xf numFmtId="0" fontId="10" fillId="6" borderId="0" applyNumberFormat="0" applyBorder="0" applyAlignment="0" applyProtection="0"/>
    <xf numFmtId="0" fontId="10" fillId="7" borderId="0" applyNumberFormat="0" applyBorder="0" applyAlignment="0" applyProtection="0"/>
    <xf numFmtId="0" fontId="10" fillId="8" borderId="0" applyNumberFormat="0" applyBorder="0" applyAlignment="0" applyProtection="0"/>
    <xf numFmtId="0" fontId="10" fillId="9" borderId="0" applyNumberFormat="0" applyBorder="0" applyAlignment="0" applyProtection="0"/>
    <xf numFmtId="0" fontId="10" fillId="10" borderId="0" applyNumberFormat="0" applyBorder="0" applyAlignment="0" applyProtection="0"/>
    <xf numFmtId="0" fontId="10" fillId="9" borderId="0" applyNumberFormat="0" applyBorder="0" applyAlignment="0" applyProtection="0"/>
    <xf numFmtId="0" fontId="10" fillId="7" borderId="0" applyNumberFormat="0" applyBorder="0" applyAlignment="0" applyProtection="0"/>
    <xf numFmtId="0" fontId="27" fillId="3" borderId="0" applyNumberFormat="0" applyBorder="0" applyAlignment="0" applyProtection="0"/>
    <xf numFmtId="0" fontId="61" fillId="10" borderId="0" applyNumberFormat="0" applyBorder="0" applyAlignment="0" applyProtection="0"/>
    <xf numFmtId="0" fontId="27" fillId="3" borderId="0" applyNumberFormat="0" applyBorder="0" applyAlignment="0" applyProtection="0"/>
    <xf numFmtId="0" fontId="27" fillId="3" borderId="0" applyNumberFormat="0" applyBorder="0" applyAlignment="0" applyProtection="0"/>
    <xf numFmtId="0" fontId="27" fillId="5" borderId="0" applyNumberFormat="0" applyBorder="0" applyAlignment="0" applyProtection="0"/>
    <xf numFmtId="0" fontId="61" fillId="5" borderId="0" applyNumberFormat="0" applyBorder="0" applyAlignment="0" applyProtection="0"/>
    <xf numFmtId="0" fontId="27" fillId="5" borderId="0" applyNumberFormat="0" applyBorder="0" applyAlignment="0" applyProtection="0"/>
    <xf numFmtId="0" fontId="27" fillId="5" borderId="0" applyNumberFormat="0" applyBorder="0" applyAlignment="0" applyProtection="0"/>
    <xf numFmtId="0" fontId="27" fillId="11" borderId="0" applyNumberFormat="0" applyBorder="0" applyAlignment="0" applyProtection="0"/>
    <xf numFmtId="0" fontId="61" fillId="12" borderId="0" applyNumberFormat="0" applyBorder="0" applyAlignment="0" applyProtection="0"/>
    <xf numFmtId="0" fontId="27" fillId="11" borderId="0" applyNumberFormat="0" applyBorder="0" applyAlignment="0" applyProtection="0"/>
    <xf numFmtId="0" fontId="27" fillId="11" borderId="0" applyNumberFormat="0" applyBorder="0" applyAlignment="0" applyProtection="0"/>
    <xf numFmtId="0" fontId="27" fillId="8" borderId="0" applyNumberFormat="0" applyBorder="0" applyAlignment="0" applyProtection="0"/>
    <xf numFmtId="0" fontId="61" fillId="4" borderId="0" applyNumberFormat="0" applyBorder="0" applyAlignment="0" applyProtection="0"/>
    <xf numFmtId="0" fontId="27" fillId="8" borderId="0" applyNumberFormat="0" applyBorder="0" applyAlignment="0" applyProtection="0"/>
    <xf numFmtId="0" fontId="27" fillId="8" borderId="0" applyNumberFormat="0" applyBorder="0" applyAlignment="0" applyProtection="0"/>
    <xf numFmtId="0" fontId="27" fillId="3" borderId="0" applyNumberFormat="0" applyBorder="0" applyAlignment="0" applyProtection="0"/>
    <xf numFmtId="0" fontId="61" fillId="10" borderId="0" applyNumberFormat="0" applyBorder="0" applyAlignment="0" applyProtection="0"/>
    <xf numFmtId="0" fontId="27" fillId="3" borderId="0" applyNumberFormat="0" applyBorder="0" applyAlignment="0" applyProtection="0"/>
    <xf numFmtId="0" fontId="27" fillId="3" borderId="0" applyNumberFormat="0" applyBorder="0" applyAlignment="0" applyProtection="0"/>
    <xf numFmtId="0" fontId="27" fillId="13" borderId="0" applyNumberFormat="0" applyBorder="0" applyAlignment="0" applyProtection="0"/>
    <xf numFmtId="0" fontId="61" fillId="7" borderId="0" applyNumberFormat="0" applyBorder="0" applyAlignment="0" applyProtection="0"/>
    <xf numFmtId="0" fontId="27" fillId="13" borderId="0" applyNumberFormat="0" applyBorder="0" applyAlignment="0" applyProtection="0"/>
    <xf numFmtId="0" fontId="27" fillId="13" borderId="0" applyNumberFormat="0" applyBorder="0" applyAlignment="0" applyProtection="0"/>
    <xf numFmtId="0" fontId="10" fillId="3" borderId="0" applyNumberFormat="0" applyBorder="0" applyAlignment="0" applyProtection="0"/>
    <xf numFmtId="0" fontId="10" fillId="10" borderId="0" applyNumberFormat="0" applyBorder="0" applyAlignment="0" applyProtection="0"/>
    <xf numFmtId="0" fontId="10" fillId="5" borderId="0" applyNumberFormat="0" applyBorder="0" applyAlignment="0" applyProtection="0"/>
    <xf numFmtId="0" fontId="10" fillId="11" borderId="0" applyNumberFormat="0" applyBorder="0" applyAlignment="0" applyProtection="0"/>
    <xf numFmtId="0" fontId="10" fillId="12" borderId="0" applyNumberFormat="0" applyBorder="0" applyAlignment="0" applyProtection="0"/>
    <xf numFmtId="0" fontId="10" fillId="8" borderId="0" applyNumberFormat="0" applyBorder="0" applyAlignment="0" applyProtection="0"/>
    <xf numFmtId="0" fontId="10" fillId="4" borderId="0" applyNumberFormat="0" applyBorder="0" applyAlignment="0" applyProtection="0"/>
    <xf numFmtId="0" fontId="10" fillId="3" borderId="0" applyNumberFormat="0" applyBorder="0" applyAlignment="0" applyProtection="0"/>
    <xf numFmtId="0" fontId="10" fillId="10" borderId="0" applyNumberFormat="0" applyBorder="0" applyAlignment="0" applyProtection="0"/>
    <xf numFmtId="0" fontId="10" fillId="13" borderId="0" applyNumberFormat="0" applyBorder="0" applyAlignment="0" applyProtection="0"/>
    <xf numFmtId="0" fontId="10" fillId="7" borderId="0" applyNumberFormat="0" applyBorder="0" applyAlignment="0" applyProtection="0"/>
    <xf numFmtId="0" fontId="28" fillId="14" borderId="0" applyNumberFormat="0" applyBorder="0" applyAlignment="0" applyProtection="0"/>
    <xf numFmtId="0" fontId="62" fillId="10" borderId="0" applyNumberFormat="0" applyBorder="0" applyAlignment="0" applyProtection="0"/>
    <xf numFmtId="0" fontId="28" fillId="14" borderId="0" applyNumberFormat="0" applyBorder="0" applyAlignment="0" applyProtection="0"/>
    <xf numFmtId="0" fontId="28" fillId="14" borderId="0" applyNumberFormat="0" applyBorder="0" applyAlignment="0" applyProtection="0"/>
    <xf numFmtId="0" fontId="28" fillId="5" borderId="0" applyNumberFormat="0" applyBorder="0" applyAlignment="0" applyProtection="0"/>
    <xf numFmtId="0" fontId="62" fillId="15" borderId="0" applyNumberFormat="0" applyBorder="0" applyAlignment="0" applyProtection="0"/>
    <xf numFmtId="0" fontId="28" fillId="5" borderId="0" applyNumberFormat="0" applyBorder="0" applyAlignment="0" applyProtection="0"/>
    <xf numFmtId="0" fontId="28" fillId="5" borderId="0" applyNumberFormat="0" applyBorder="0" applyAlignment="0" applyProtection="0"/>
    <xf numFmtId="0" fontId="28" fillId="11" borderId="0" applyNumberFormat="0" applyBorder="0" applyAlignment="0" applyProtection="0"/>
    <xf numFmtId="0" fontId="62" fillId="13" borderId="0" applyNumberFormat="0" applyBorder="0" applyAlignment="0" applyProtection="0"/>
    <xf numFmtId="0" fontId="28" fillId="11" borderId="0" applyNumberFormat="0" applyBorder="0" applyAlignment="0" applyProtection="0"/>
    <xf numFmtId="0" fontId="28" fillId="11" borderId="0" applyNumberFormat="0" applyBorder="0" applyAlignment="0" applyProtection="0"/>
    <xf numFmtId="0" fontId="28" fillId="16" borderId="0" applyNumberFormat="0" applyBorder="0" applyAlignment="0" applyProtection="0"/>
    <xf numFmtId="0" fontId="62" fillId="4" borderId="0" applyNumberFormat="0" applyBorder="0" applyAlignment="0" applyProtection="0"/>
    <xf numFmtId="0" fontId="28" fillId="16" borderId="0" applyNumberFormat="0" applyBorder="0" applyAlignment="0" applyProtection="0"/>
    <xf numFmtId="0" fontId="28" fillId="16" borderId="0" applyNumberFormat="0" applyBorder="0" applyAlignment="0" applyProtection="0"/>
    <xf numFmtId="0" fontId="28" fillId="17" borderId="0" applyNumberFormat="0" applyBorder="0" applyAlignment="0" applyProtection="0"/>
    <xf numFmtId="0" fontId="62" fillId="10" borderId="0" applyNumberFormat="0" applyBorder="0" applyAlignment="0" applyProtection="0"/>
    <xf numFmtId="0" fontId="28" fillId="17" borderId="0" applyNumberFormat="0" applyBorder="0" applyAlignment="0" applyProtection="0"/>
    <xf numFmtId="0" fontId="28" fillId="17" borderId="0" applyNumberFormat="0" applyBorder="0" applyAlignment="0" applyProtection="0"/>
    <xf numFmtId="0" fontId="28" fillId="18" borderId="0" applyNumberFormat="0" applyBorder="0" applyAlignment="0" applyProtection="0"/>
    <xf numFmtId="0" fontId="62" fillId="5" borderId="0" applyNumberFormat="0" applyBorder="0" applyAlignment="0" applyProtection="0"/>
    <xf numFmtId="0" fontId="28" fillId="18" borderId="0" applyNumberFormat="0" applyBorder="0" applyAlignment="0" applyProtection="0"/>
    <xf numFmtId="0" fontId="28" fillId="18" borderId="0" applyNumberFormat="0" applyBorder="0" applyAlignment="0" applyProtection="0"/>
    <xf numFmtId="0" fontId="11" fillId="14" borderId="0" applyNumberFormat="0" applyBorder="0" applyAlignment="0" applyProtection="0"/>
    <xf numFmtId="0" fontId="11" fillId="10" borderId="0" applyNumberFormat="0" applyBorder="0" applyAlignment="0" applyProtection="0"/>
    <xf numFmtId="0" fontId="11" fillId="5" borderId="0" applyNumberFormat="0" applyBorder="0" applyAlignment="0" applyProtection="0"/>
    <xf numFmtId="0" fontId="11" fillId="15" borderId="0" applyNumberFormat="0" applyBorder="0" applyAlignment="0" applyProtection="0"/>
    <xf numFmtId="0" fontId="11" fillId="11" borderId="0" applyNumberFormat="0" applyBorder="0" applyAlignment="0" applyProtection="0"/>
    <xf numFmtId="0" fontId="11" fillId="13" borderId="0" applyNumberFormat="0" applyBorder="0" applyAlignment="0" applyProtection="0"/>
    <xf numFmtId="0" fontId="11" fillId="16" borderId="0" applyNumberFormat="0" applyBorder="0" applyAlignment="0" applyProtection="0"/>
    <xf numFmtId="0" fontId="11" fillId="4" borderId="0" applyNumberFormat="0" applyBorder="0" applyAlignment="0" applyProtection="0"/>
    <xf numFmtId="0" fontId="11" fillId="17" borderId="0" applyNumberFormat="0" applyBorder="0" applyAlignment="0" applyProtection="0"/>
    <xf numFmtId="0" fontId="11" fillId="10" borderId="0" applyNumberFormat="0" applyBorder="0" applyAlignment="0" applyProtection="0"/>
    <xf numFmtId="0" fontId="11" fillId="18" borderId="0" applyNumberFormat="0" applyBorder="0" applyAlignment="0" applyProtection="0"/>
    <xf numFmtId="0" fontId="11" fillId="5" borderId="0" applyNumberFormat="0" applyBorder="0" applyAlignment="0" applyProtection="0"/>
    <xf numFmtId="0" fontId="28" fillId="19" borderId="0" applyNumberFormat="0" applyBorder="0" applyAlignment="0" applyProtection="0"/>
    <xf numFmtId="0" fontId="62" fillId="20" borderId="0" applyNumberFormat="0" applyBorder="0" applyAlignment="0" applyProtection="0"/>
    <xf numFmtId="0" fontId="28" fillId="19" borderId="0" applyNumberFormat="0" applyBorder="0" applyAlignment="0" applyProtection="0"/>
    <xf numFmtId="0" fontId="28" fillId="19" borderId="0" applyNumberFormat="0" applyBorder="0" applyAlignment="0" applyProtection="0"/>
    <xf numFmtId="0" fontId="28" fillId="21" borderId="0" applyNumberFormat="0" applyBorder="0" applyAlignment="0" applyProtection="0"/>
    <xf numFmtId="0" fontId="62" fillId="15" borderId="0" applyNumberFormat="0" applyBorder="0" applyAlignment="0" applyProtection="0"/>
    <xf numFmtId="0" fontId="28" fillId="21" borderId="0" applyNumberFormat="0" applyBorder="0" applyAlignment="0" applyProtection="0"/>
    <xf numFmtId="0" fontId="28" fillId="21" borderId="0" applyNumberFormat="0" applyBorder="0" applyAlignment="0" applyProtection="0"/>
    <xf numFmtId="0" fontId="28" fillId="22" borderId="0" applyNumberFormat="0" applyBorder="0" applyAlignment="0" applyProtection="0"/>
    <xf numFmtId="0" fontId="62" fillId="13" borderId="0" applyNumberFormat="0" applyBorder="0" applyAlignment="0" applyProtection="0"/>
    <xf numFmtId="0" fontId="28" fillId="22" borderId="0" applyNumberFormat="0" applyBorder="0" applyAlignment="0" applyProtection="0"/>
    <xf numFmtId="0" fontId="28" fillId="22" borderId="0" applyNumberFormat="0" applyBorder="0" applyAlignment="0" applyProtection="0"/>
    <xf numFmtId="0" fontId="28" fillId="16" borderId="0" applyNumberFormat="0" applyBorder="0" applyAlignment="0" applyProtection="0"/>
    <xf numFmtId="0" fontId="62" fillId="23" borderId="0" applyNumberFormat="0" applyBorder="0" applyAlignment="0" applyProtection="0"/>
    <xf numFmtId="0" fontId="28" fillId="16" borderId="0" applyNumberFormat="0" applyBorder="0" applyAlignment="0" applyProtection="0"/>
    <xf numFmtId="0" fontId="28" fillId="16" borderId="0" applyNumberFormat="0" applyBorder="0" applyAlignment="0" applyProtection="0"/>
    <xf numFmtId="0" fontId="28" fillId="17" borderId="0" applyNumberFormat="0" applyBorder="0" applyAlignment="0" applyProtection="0"/>
    <xf numFmtId="0" fontId="62" fillId="17" borderId="0" applyNumberFormat="0" applyBorder="0" applyAlignment="0" applyProtection="0"/>
    <xf numFmtId="0" fontId="28" fillId="17" borderId="0" applyNumberFormat="0" applyBorder="0" applyAlignment="0" applyProtection="0"/>
    <xf numFmtId="0" fontId="28" fillId="17" borderId="0" applyNumberFormat="0" applyBorder="0" applyAlignment="0" applyProtection="0"/>
    <xf numFmtId="0" fontId="28" fillId="15" borderId="0" applyNumberFormat="0" applyBorder="0" applyAlignment="0" applyProtection="0"/>
    <xf numFmtId="0" fontId="62" fillId="21" borderId="0" applyNumberFormat="0" applyBorder="0" applyAlignment="0" applyProtection="0"/>
    <xf numFmtId="0" fontId="28" fillId="15" borderId="0" applyNumberFormat="0" applyBorder="0" applyAlignment="0" applyProtection="0"/>
    <xf numFmtId="0" fontId="28" fillId="15" borderId="0" applyNumberFormat="0" applyBorder="0" applyAlignment="0" applyProtection="0"/>
    <xf numFmtId="0" fontId="1" fillId="7" borderId="2" applyNumberFormat="0" applyFont="0" applyAlignment="0" applyProtection="0"/>
    <xf numFmtId="0" fontId="2" fillId="7" borderId="2" applyNumberFormat="0" applyFont="0" applyAlignment="0" applyProtection="0"/>
    <xf numFmtId="0" fontId="52" fillId="7" borderId="2" applyNumberFormat="0" applyFont="0" applyAlignment="0" applyProtection="0"/>
    <xf numFmtId="0" fontId="2" fillId="7" borderId="2" applyNumberFormat="0" applyFont="0" applyAlignment="0" applyProtection="0"/>
    <xf numFmtId="0" fontId="2" fillId="7" borderId="2" applyNumberFormat="0" applyFont="0" applyAlignment="0" applyProtection="0"/>
    <xf numFmtId="0" fontId="83" fillId="7" borderId="2" applyNumberFormat="0" applyFont="0" applyAlignment="0" applyProtection="0"/>
    <xf numFmtId="0" fontId="29" fillId="4" borderId="0" applyNumberFormat="0" applyBorder="0" applyAlignment="0" applyProtection="0"/>
    <xf numFmtId="0" fontId="63" fillId="8" borderId="0" applyNumberFormat="0" applyBorder="0" applyAlignment="0" applyProtection="0"/>
    <xf numFmtId="0" fontId="29" fillId="4" borderId="0" applyNumberFormat="0" applyBorder="0" applyAlignment="0" applyProtection="0"/>
    <xf numFmtId="0" fontId="29" fillId="4" borderId="0" applyNumberFormat="0" applyBorder="0" applyAlignment="0" applyProtection="0"/>
    <xf numFmtId="3" fontId="2" fillId="0" borderId="3" applyNumberFormat="0" applyFont="0" applyFill="0" applyBorder="0" applyAlignment="0" applyProtection="0">
      <alignment horizontal="right" vertical="top" wrapText="1"/>
    </xf>
    <xf numFmtId="0" fontId="12" fillId="24" borderId="4" applyNumberFormat="0" applyAlignment="0" applyProtection="0"/>
    <xf numFmtId="0" fontId="56" fillId="25" borderId="4" applyNumberFormat="0" applyAlignment="0" applyProtection="0"/>
    <xf numFmtId="0" fontId="13" fillId="6" borderId="0" applyNumberFormat="0" applyBorder="0" applyAlignment="0" applyProtection="0"/>
    <xf numFmtId="0" fontId="13" fillId="10" borderId="0" applyNumberFormat="0" applyBorder="0" applyAlignment="0" applyProtection="0"/>
    <xf numFmtId="0" fontId="30" fillId="24" borderId="4" applyNumberFormat="0" applyAlignment="0" applyProtection="0"/>
    <xf numFmtId="0" fontId="64" fillId="25" borderId="4" applyNumberFormat="0" applyAlignment="0" applyProtection="0"/>
    <xf numFmtId="0" fontId="30" fillId="24" borderId="4" applyNumberFormat="0" applyAlignment="0" applyProtection="0"/>
    <xf numFmtId="0" fontId="30" fillId="24" borderId="4" applyNumberFormat="0" applyAlignment="0" applyProtection="0"/>
    <xf numFmtId="0" fontId="31" fillId="26" borderId="5" applyNumberFormat="0" applyAlignment="0" applyProtection="0"/>
    <xf numFmtId="0" fontId="65" fillId="26" borderId="5" applyNumberFormat="0" applyAlignment="0" applyProtection="0"/>
    <xf numFmtId="0" fontId="31" fillId="26" borderId="5" applyNumberFormat="0" applyAlignment="0" applyProtection="0"/>
    <xf numFmtId="0" fontId="31" fillId="26" borderId="5" applyNumberFormat="0" applyAlignment="0" applyProtection="0"/>
    <xf numFmtId="0" fontId="49" fillId="27" borderId="0" applyNumberFormat="0" applyFont="0" applyFill="0" applyBorder="0" applyAlignment="0" applyProtection="0">
      <alignment vertical="top" wrapText="1"/>
    </xf>
    <xf numFmtId="171" fontId="1" fillId="0" borderId="0" applyFont="0" applyFill="0" applyBorder="0" applyAlignment="0" applyProtection="0"/>
    <xf numFmtId="171" fontId="1" fillId="0" borderId="0" applyFont="0" applyFill="0" applyBorder="0" applyAlignment="0" applyProtection="0"/>
    <xf numFmtId="171" fontId="2" fillId="0" borderId="0" applyFont="0" applyFill="0" applyBorder="0" applyAlignment="0" applyProtection="0"/>
    <xf numFmtId="171" fontId="48" fillId="0" borderId="0" applyFont="0" applyFill="0" applyBorder="0" applyAlignment="0" applyProtection="0"/>
    <xf numFmtId="171" fontId="47" fillId="0" borderId="0" applyFont="0" applyFill="0" applyBorder="0" applyAlignment="0" applyProtection="0"/>
    <xf numFmtId="171" fontId="2" fillId="0" borderId="0" applyFont="0" applyFill="0" applyBorder="0" applyAlignment="0" applyProtection="0"/>
    <xf numFmtId="171" fontId="52" fillId="0" borderId="0" applyFont="0" applyFill="0" applyBorder="0" applyAlignment="0" applyProtection="0"/>
    <xf numFmtId="43" fontId="2" fillId="0" borderId="0" applyFont="0" applyFill="0" applyBorder="0" applyAlignment="0" applyProtection="0"/>
    <xf numFmtId="171" fontId="2" fillId="0" borderId="0" applyFont="0" applyFill="0" applyBorder="0" applyAlignment="0" applyProtection="0"/>
    <xf numFmtId="171" fontId="2" fillId="0" borderId="0" applyFont="0" applyFill="0" applyBorder="0" applyAlignment="0" applyProtection="0"/>
    <xf numFmtId="171" fontId="83" fillId="0" borderId="0" applyFont="0" applyFill="0" applyBorder="0" applyAlignment="0" applyProtection="0"/>
    <xf numFmtId="171" fontId="2" fillId="0" borderId="0" applyFont="0" applyFill="0" applyBorder="0" applyAlignment="0" applyProtection="0"/>
    <xf numFmtId="43" fontId="86" fillId="0" borderId="0" applyFont="0" applyFill="0" applyBorder="0" applyAlignment="0" applyProtection="0"/>
    <xf numFmtId="171" fontId="2" fillId="0" borderId="0" applyFont="0" applyFill="0" applyBorder="0" applyAlignment="0" applyProtection="0"/>
    <xf numFmtId="43" fontId="87" fillId="0" borderId="0" applyFont="0" applyFill="0" applyBorder="0" applyAlignment="0" applyProtection="0"/>
    <xf numFmtId="171" fontId="2" fillId="0" borderId="0" applyFont="0" applyFill="0" applyBorder="0" applyAlignment="0" applyProtection="0"/>
    <xf numFmtId="43" fontId="2" fillId="0" borderId="0" applyFont="0" applyFill="0" applyBorder="0" applyAlignment="0" applyProtection="0"/>
    <xf numFmtId="172" fontId="2" fillId="0" borderId="0" applyFont="0" applyFill="0" applyBorder="0" applyAlignment="0" applyProtection="0"/>
    <xf numFmtId="171" fontId="2" fillId="0" borderId="0" applyFont="0" applyFill="0" applyBorder="0" applyAlignment="0" applyProtection="0"/>
    <xf numFmtId="171" fontId="86" fillId="0" borderId="0" applyFont="0" applyFill="0" applyBorder="0" applyAlignment="0" applyProtection="0"/>
    <xf numFmtId="171" fontId="2" fillId="0" borderId="0" applyFont="0" applyFill="0" applyBorder="0" applyAlignment="0" applyProtection="0"/>
    <xf numFmtId="171" fontId="52" fillId="0" borderId="0" applyFont="0" applyFill="0" applyBorder="0" applyAlignment="0" applyProtection="0"/>
    <xf numFmtId="171" fontId="2" fillId="0" borderId="0" applyFont="0" applyFill="0" applyBorder="0" applyAlignment="0" applyProtection="0"/>
    <xf numFmtId="171" fontId="2" fillId="0" borderId="0" applyFont="0" applyFill="0" applyBorder="0" applyAlignment="0" applyProtection="0"/>
    <xf numFmtId="0" fontId="14" fillId="4" borderId="0" applyNumberFormat="0" applyBorder="0" applyAlignment="0" applyProtection="0"/>
    <xf numFmtId="0" fontId="14" fillId="8" borderId="0" applyNumberFormat="0" applyBorder="0" applyAlignment="0" applyProtection="0"/>
    <xf numFmtId="179" fontId="1" fillId="0" borderId="0" applyFont="0" applyFill="0" applyBorder="0" applyAlignment="0" applyProtection="0"/>
    <xf numFmtId="179" fontId="2" fillId="0" borderId="0" applyFont="0" applyFill="0" applyBorder="0" applyAlignment="0" applyProtection="0"/>
    <xf numFmtId="179" fontId="52" fillId="0" borderId="0" applyFont="0" applyFill="0" applyBorder="0" applyAlignment="0" applyProtection="0"/>
    <xf numFmtId="179" fontId="2" fillId="0" borderId="0" applyFont="0" applyFill="0" applyBorder="0" applyAlignment="0" applyProtection="0"/>
    <xf numFmtId="179" fontId="2" fillId="0" borderId="0" applyFont="0" applyFill="0" applyBorder="0" applyAlignment="0" applyProtection="0"/>
    <xf numFmtId="179" fontId="83" fillId="0" borderId="0" applyFont="0" applyFill="0" applyBorder="0" applyAlignment="0" applyProtection="0"/>
    <xf numFmtId="0" fontId="32" fillId="0" borderId="0" applyNumberFormat="0" applyFill="0" applyBorder="0" applyAlignment="0" applyProtection="0"/>
    <xf numFmtId="0" fontId="66" fillId="0" borderId="0" applyNumberFormat="0" applyFill="0" applyBorder="0" applyAlignment="0" applyProtection="0"/>
    <xf numFmtId="0" fontId="32" fillId="0" borderId="0" applyNumberFormat="0" applyFill="0" applyBorder="0" applyAlignment="0" applyProtection="0"/>
    <xf numFmtId="0" fontId="32" fillId="0" borderId="0" applyNumberFormat="0" applyFill="0" applyBorder="0" applyAlignment="0" applyProtection="0"/>
    <xf numFmtId="0" fontId="11" fillId="19" borderId="0" applyNumberFormat="0" applyBorder="0" applyAlignment="0" applyProtection="0"/>
    <xf numFmtId="0" fontId="11" fillId="20" borderId="0" applyNumberFormat="0" applyBorder="0" applyAlignment="0" applyProtection="0"/>
    <xf numFmtId="0" fontId="11" fillId="21" borderId="0" applyNumberFormat="0" applyBorder="0" applyAlignment="0" applyProtection="0"/>
    <xf numFmtId="0" fontId="11" fillId="15" borderId="0" applyNumberFormat="0" applyBorder="0" applyAlignment="0" applyProtection="0"/>
    <xf numFmtId="0" fontId="11" fillId="22" borderId="0" applyNumberFormat="0" applyBorder="0" applyAlignment="0" applyProtection="0"/>
    <xf numFmtId="0" fontId="11" fillId="13" borderId="0" applyNumberFormat="0" applyBorder="0" applyAlignment="0" applyProtection="0"/>
    <xf numFmtId="0" fontId="11" fillId="16" borderId="0" applyNumberFormat="0" applyBorder="0" applyAlignment="0" applyProtection="0"/>
    <xf numFmtId="0" fontId="11" fillId="23" borderId="0" applyNumberFormat="0" applyBorder="0" applyAlignment="0" applyProtection="0"/>
    <xf numFmtId="0" fontId="11" fillId="17" borderId="0" applyNumberFormat="0" applyBorder="0" applyAlignment="0" applyProtection="0"/>
    <xf numFmtId="0" fontId="11" fillId="15" borderId="0" applyNumberFormat="0" applyBorder="0" applyAlignment="0" applyProtection="0"/>
    <xf numFmtId="0" fontId="11" fillId="21" borderId="0" applyNumberFormat="0" applyBorder="0" applyAlignment="0" applyProtection="0"/>
    <xf numFmtId="0" fontId="15" fillId="0" borderId="0" applyNumberFormat="0" applyFill="0" applyBorder="0" applyAlignment="0" applyProtection="0"/>
    <xf numFmtId="0" fontId="33" fillId="6" borderId="0" applyNumberFormat="0" applyBorder="0" applyAlignment="0" applyProtection="0"/>
    <xf numFmtId="0" fontId="67" fillId="10" borderId="0" applyNumberFormat="0" applyBorder="0" applyAlignment="0" applyProtection="0"/>
    <xf numFmtId="0" fontId="33" fillId="6" borderId="0" applyNumberFormat="0" applyBorder="0" applyAlignment="0" applyProtection="0"/>
    <xf numFmtId="0" fontId="33" fillId="6" borderId="0" applyNumberFormat="0" applyBorder="0" applyAlignment="0" applyProtection="0"/>
    <xf numFmtId="3" fontId="50" fillId="0" borderId="0"/>
    <xf numFmtId="0" fontId="34" fillId="0" borderId="6" applyNumberFormat="0" applyFill="0" applyAlignment="0" applyProtection="0"/>
    <xf numFmtId="0" fontId="68" fillId="0" borderId="7" applyNumberFormat="0" applyFill="0" applyAlignment="0" applyProtection="0"/>
    <xf numFmtId="0" fontId="34" fillId="0" borderId="6" applyNumberFormat="0" applyFill="0" applyAlignment="0" applyProtection="0"/>
    <xf numFmtId="0" fontId="34" fillId="0" borderId="6" applyNumberFormat="0" applyFill="0" applyAlignment="0" applyProtection="0"/>
    <xf numFmtId="0" fontId="35" fillId="0" borderId="8" applyNumberFormat="0" applyFill="0" applyAlignment="0" applyProtection="0"/>
    <xf numFmtId="0" fontId="46" fillId="0" borderId="0" applyNumberFormat="0" applyFill="0" applyBorder="0" applyAlignment="0" applyProtection="0"/>
    <xf numFmtId="0" fontId="69" fillId="0" borderId="9" applyNumberFormat="0" applyFill="0" applyAlignment="0" applyProtection="0"/>
    <xf numFmtId="0" fontId="35" fillId="0" borderId="8" applyNumberFormat="0" applyFill="0" applyAlignment="0" applyProtection="0"/>
    <xf numFmtId="0" fontId="35" fillId="0" borderId="8" applyNumberFormat="0" applyFill="0" applyAlignment="0" applyProtection="0"/>
    <xf numFmtId="0" fontId="36" fillId="0" borderId="10" applyNumberFormat="0" applyFill="0" applyAlignment="0" applyProtection="0"/>
    <xf numFmtId="0" fontId="70" fillId="0" borderId="11" applyNumberFormat="0" applyFill="0" applyAlignment="0" applyProtection="0"/>
    <xf numFmtId="0" fontId="36" fillId="0" borderId="10" applyNumberFormat="0" applyFill="0" applyAlignment="0" applyProtection="0"/>
    <xf numFmtId="0" fontId="36" fillId="0" borderId="10" applyNumberFormat="0" applyFill="0" applyAlignment="0" applyProtection="0"/>
    <xf numFmtId="0" fontId="36" fillId="0" borderId="0" applyNumberFormat="0" applyFill="0" applyBorder="0" applyAlignment="0" applyProtection="0"/>
    <xf numFmtId="0" fontId="70" fillId="0" borderId="0" applyNumberFormat="0" applyFill="0" applyBorder="0" applyAlignment="0" applyProtection="0"/>
    <xf numFmtId="0" fontId="36" fillId="0" borderId="0" applyNumberFormat="0" applyFill="0" applyBorder="0" applyAlignment="0" applyProtection="0"/>
    <xf numFmtId="0" fontId="36" fillId="0" borderId="0" applyNumberFormat="0" applyFill="0" applyBorder="0" applyAlignment="0" applyProtection="0"/>
    <xf numFmtId="0" fontId="3" fillId="28" borderId="12" applyFont="0" applyBorder="0">
      <alignment horizontal="center" wrapText="1"/>
    </xf>
    <xf numFmtId="0" fontId="4" fillId="0" borderId="0" applyNumberFormat="0" applyFill="0" applyBorder="0" applyAlignment="0" applyProtection="0">
      <alignment vertical="top"/>
      <protection locked="0"/>
    </xf>
    <xf numFmtId="0" fontId="16" fillId="9" borderId="4" applyNumberFormat="0" applyAlignment="0" applyProtection="0"/>
    <xf numFmtId="0" fontId="16" fillId="12" borderId="4" applyNumberFormat="0" applyAlignment="0" applyProtection="0"/>
    <xf numFmtId="0" fontId="37" fillId="9" borderId="4" applyNumberFormat="0" applyAlignment="0" applyProtection="0"/>
    <xf numFmtId="0" fontId="71" fillId="12" borderId="4" applyNumberFormat="0" applyAlignment="0" applyProtection="0"/>
    <xf numFmtId="0" fontId="37" fillId="9" borderId="4" applyNumberFormat="0" applyAlignment="0" applyProtection="0"/>
    <xf numFmtId="0" fontId="37" fillId="9" borderId="4" applyNumberFormat="0" applyAlignment="0" applyProtection="0"/>
    <xf numFmtId="0" fontId="17" fillId="26" borderId="5" applyNumberFormat="0" applyAlignment="0" applyProtection="0"/>
    <xf numFmtId="0" fontId="38" fillId="0" borderId="13" applyNumberFormat="0" applyFill="0" applyAlignment="0" applyProtection="0"/>
    <xf numFmtId="0" fontId="72" fillId="0" borderId="14" applyNumberFormat="0" applyFill="0" applyAlignment="0" applyProtection="0"/>
    <xf numFmtId="0" fontId="38" fillId="0" borderId="13" applyNumberFormat="0" applyFill="0" applyAlignment="0" applyProtection="0"/>
    <xf numFmtId="0" fontId="38" fillId="0" borderId="13" applyNumberFormat="0" applyFill="0" applyAlignment="0" applyProtection="0"/>
    <xf numFmtId="0" fontId="18" fillId="0" borderId="13" applyNumberFormat="0" applyFill="0" applyAlignment="0" applyProtection="0"/>
    <xf numFmtId="0" fontId="26" fillId="0" borderId="14" applyNumberFormat="0" applyFill="0" applyAlignment="0" applyProtection="0"/>
    <xf numFmtId="196" fontId="2" fillId="0" borderId="0" applyFont="0" applyFill="0" applyBorder="0" applyAlignment="0" applyProtection="0"/>
    <xf numFmtId="172" fontId="2" fillId="0" borderId="0" applyFont="0" applyFill="0" applyBorder="0" applyAlignment="0" applyProtection="0"/>
    <xf numFmtId="197" fontId="2" fillId="0" borderId="0" applyFont="0" applyFill="0" applyBorder="0" applyAlignment="0" applyProtection="0"/>
    <xf numFmtId="198" fontId="2" fillId="0" borderId="0" applyFont="0" applyFill="0" applyBorder="0" applyAlignment="0" applyProtection="0"/>
    <xf numFmtId="0" fontId="19" fillId="12" borderId="0" applyNumberFormat="0" applyBorder="0" applyAlignment="0" applyProtection="0"/>
    <xf numFmtId="0" fontId="73" fillId="12" borderId="0" applyNumberFormat="0" applyBorder="0" applyAlignment="0" applyProtection="0"/>
    <xf numFmtId="0" fontId="19" fillId="12" borderId="0" applyNumberFormat="0" applyBorder="0" applyAlignment="0" applyProtection="0"/>
    <xf numFmtId="0" fontId="19" fillId="12" borderId="0" applyNumberFormat="0" applyBorder="0" applyAlignment="0" applyProtection="0"/>
    <xf numFmtId="0" fontId="1" fillId="0" borderId="0"/>
    <xf numFmtId="0" fontId="88" fillId="0" borderId="0"/>
    <xf numFmtId="0" fontId="88" fillId="0" borderId="0"/>
    <xf numFmtId="0" fontId="88" fillId="0" borderId="0"/>
    <xf numFmtId="0" fontId="88" fillId="0" borderId="0"/>
    <xf numFmtId="0" fontId="88" fillId="0" borderId="0"/>
    <xf numFmtId="0" fontId="88" fillId="0" borderId="0"/>
    <xf numFmtId="0" fontId="88" fillId="0" borderId="0"/>
    <xf numFmtId="0" fontId="88" fillId="0" borderId="0"/>
    <xf numFmtId="0" fontId="83" fillId="0" borderId="0"/>
    <xf numFmtId="0" fontId="1" fillId="0" borderId="0">
      <alignment horizontal="left" wrapText="1"/>
    </xf>
    <xf numFmtId="0" fontId="2" fillId="0" borderId="0"/>
    <xf numFmtId="0" fontId="88" fillId="0" borderId="0"/>
    <xf numFmtId="0" fontId="88" fillId="0" borderId="0"/>
    <xf numFmtId="0" fontId="88" fillId="0" borderId="0"/>
    <xf numFmtId="0" fontId="88" fillId="0" borderId="0"/>
    <xf numFmtId="0" fontId="88" fillId="0" borderId="0"/>
    <xf numFmtId="0" fontId="88" fillId="0" borderId="0"/>
    <xf numFmtId="0" fontId="2" fillId="0" borderId="0"/>
    <xf numFmtId="0" fontId="88" fillId="0" borderId="0"/>
    <xf numFmtId="0" fontId="88" fillId="0" borderId="0"/>
    <xf numFmtId="0" fontId="88" fillId="0" borderId="0"/>
    <xf numFmtId="0" fontId="88" fillId="0" borderId="0"/>
    <xf numFmtId="0" fontId="88" fillId="0" borderId="0"/>
    <xf numFmtId="0" fontId="88" fillId="0" borderId="0"/>
    <xf numFmtId="0" fontId="88" fillId="0" borderId="0"/>
    <xf numFmtId="0" fontId="88" fillId="0" borderId="0"/>
    <xf numFmtId="0" fontId="88" fillId="0" borderId="0"/>
    <xf numFmtId="0" fontId="88" fillId="0" borderId="0"/>
    <xf numFmtId="0" fontId="88" fillId="0" borderId="0"/>
    <xf numFmtId="0" fontId="88" fillId="0" borderId="0"/>
    <xf numFmtId="0" fontId="88" fillId="0" borderId="0"/>
    <xf numFmtId="0" fontId="88" fillId="0" borderId="0"/>
    <xf numFmtId="0" fontId="88" fillId="0" borderId="0"/>
    <xf numFmtId="0" fontId="88" fillId="0" borderId="0"/>
    <xf numFmtId="0" fontId="88" fillId="0" borderId="0"/>
    <xf numFmtId="0" fontId="88" fillId="0" borderId="0"/>
    <xf numFmtId="0" fontId="88" fillId="0" borderId="0"/>
    <xf numFmtId="0" fontId="88" fillId="0" borderId="0"/>
    <xf numFmtId="0" fontId="88" fillId="0" borderId="0"/>
    <xf numFmtId="0" fontId="88" fillId="0" borderId="0"/>
    <xf numFmtId="0" fontId="88" fillId="0" borderId="0"/>
    <xf numFmtId="0" fontId="88" fillId="0" borderId="0"/>
    <xf numFmtId="0" fontId="88" fillId="0" borderId="0"/>
    <xf numFmtId="0" fontId="88" fillId="0" borderId="0"/>
    <xf numFmtId="0" fontId="88" fillId="0" borderId="0"/>
    <xf numFmtId="0" fontId="88" fillId="0" borderId="0"/>
    <xf numFmtId="0" fontId="88" fillId="0" borderId="0"/>
    <xf numFmtId="0" fontId="88" fillId="0" borderId="0"/>
    <xf numFmtId="0" fontId="88" fillId="0" borderId="0"/>
    <xf numFmtId="0" fontId="88" fillId="0" borderId="0"/>
    <xf numFmtId="0" fontId="88" fillId="0" borderId="0"/>
    <xf numFmtId="0" fontId="88" fillId="0" borderId="0"/>
    <xf numFmtId="0" fontId="88" fillId="0" borderId="0"/>
    <xf numFmtId="0" fontId="88" fillId="0" borderId="0"/>
    <xf numFmtId="0" fontId="88" fillId="0" borderId="0"/>
    <xf numFmtId="0" fontId="88" fillId="0" borderId="0"/>
    <xf numFmtId="0" fontId="88" fillId="0" borderId="0"/>
    <xf numFmtId="0" fontId="88" fillId="0" borderId="0"/>
    <xf numFmtId="0" fontId="88" fillId="0" borderId="0"/>
    <xf numFmtId="0" fontId="88" fillId="0" borderId="0"/>
    <xf numFmtId="0" fontId="88" fillId="0" borderId="0"/>
    <xf numFmtId="0" fontId="88" fillId="0" borderId="0"/>
    <xf numFmtId="0" fontId="88" fillId="0" borderId="0"/>
    <xf numFmtId="0" fontId="88" fillId="0" borderId="0"/>
    <xf numFmtId="0" fontId="88" fillId="0" borderId="0"/>
    <xf numFmtId="0" fontId="88" fillId="0" borderId="0"/>
    <xf numFmtId="0" fontId="88" fillId="0" borderId="0"/>
    <xf numFmtId="0" fontId="88" fillId="0" borderId="0"/>
    <xf numFmtId="0" fontId="88" fillId="0" borderId="0"/>
    <xf numFmtId="0" fontId="88" fillId="0" borderId="0"/>
    <xf numFmtId="0" fontId="88" fillId="0" borderId="0"/>
    <xf numFmtId="0" fontId="88" fillId="0" borderId="0"/>
    <xf numFmtId="0" fontId="88" fillId="0" borderId="0"/>
    <xf numFmtId="0" fontId="88" fillId="0" borderId="0"/>
    <xf numFmtId="0" fontId="88" fillId="0" borderId="0"/>
    <xf numFmtId="0" fontId="88" fillId="0" borderId="0"/>
    <xf numFmtId="0" fontId="88" fillId="0" borderId="0"/>
    <xf numFmtId="0" fontId="88" fillId="0" borderId="0"/>
    <xf numFmtId="0" fontId="88" fillId="0" borderId="0"/>
    <xf numFmtId="0" fontId="88" fillId="0" borderId="0"/>
    <xf numFmtId="0" fontId="88" fillId="0" borderId="0"/>
    <xf numFmtId="0" fontId="88" fillId="0" borderId="0"/>
    <xf numFmtId="0" fontId="88" fillId="0" borderId="0"/>
    <xf numFmtId="0" fontId="88" fillId="0" borderId="0"/>
    <xf numFmtId="0" fontId="88" fillId="0" borderId="0"/>
    <xf numFmtId="0" fontId="88" fillId="0" borderId="0"/>
    <xf numFmtId="0" fontId="88" fillId="0" borderId="0"/>
    <xf numFmtId="0" fontId="88" fillId="0" borderId="0"/>
    <xf numFmtId="0" fontId="88" fillId="0" borderId="0"/>
    <xf numFmtId="0" fontId="88" fillId="0" borderId="0"/>
    <xf numFmtId="0" fontId="88" fillId="0" borderId="0"/>
    <xf numFmtId="0" fontId="88" fillId="0" borderId="0"/>
    <xf numFmtId="0" fontId="88" fillId="0" borderId="0"/>
    <xf numFmtId="0" fontId="88" fillId="0" borderId="0"/>
    <xf numFmtId="0" fontId="88" fillId="0" borderId="0"/>
    <xf numFmtId="0" fontId="88" fillId="0" borderId="0"/>
    <xf numFmtId="0" fontId="88" fillId="0" borderId="0"/>
    <xf numFmtId="0" fontId="88" fillId="0" borderId="0"/>
    <xf numFmtId="0" fontId="88" fillId="0" borderId="0"/>
    <xf numFmtId="0" fontId="88" fillId="0" borderId="0"/>
    <xf numFmtId="0" fontId="88" fillId="0" borderId="0"/>
    <xf numFmtId="0" fontId="88" fillId="0" borderId="0"/>
    <xf numFmtId="0" fontId="88" fillId="0" borderId="0"/>
    <xf numFmtId="0" fontId="88" fillId="0" borderId="0"/>
    <xf numFmtId="0" fontId="88" fillId="0" borderId="0"/>
    <xf numFmtId="0" fontId="88" fillId="0" borderId="0"/>
    <xf numFmtId="0" fontId="88" fillId="0" borderId="0"/>
    <xf numFmtId="0" fontId="88" fillId="0" borderId="0"/>
    <xf numFmtId="0" fontId="88" fillId="0" borderId="0"/>
    <xf numFmtId="0" fontId="88" fillId="0" borderId="0"/>
    <xf numFmtId="0" fontId="88" fillId="0" borderId="0"/>
    <xf numFmtId="0" fontId="88" fillId="0" borderId="0"/>
    <xf numFmtId="0" fontId="88" fillId="0" borderId="0"/>
    <xf numFmtId="0" fontId="88" fillId="0" borderId="0"/>
    <xf numFmtId="0" fontId="88" fillId="0" borderId="0"/>
    <xf numFmtId="0" fontId="88" fillId="0" borderId="0"/>
    <xf numFmtId="0" fontId="88" fillId="0" borderId="0"/>
    <xf numFmtId="0" fontId="88" fillId="0" borderId="0"/>
    <xf numFmtId="0" fontId="88" fillId="0" borderId="0"/>
    <xf numFmtId="0" fontId="88" fillId="0" borderId="0"/>
    <xf numFmtId="0" fontId="88" fillId="0" borderId="0"/>
    <xf numFmtId="0" fontId="88" fillId="0" borderId="0"/>
    <xf numFmtId="0" fontId="88" fillId="0" borderId="0"/>
    <xf numFmtId="0" fontId="88" fillId="0" borderId="0"/>
    <xf numFmtId="0" fontId="88" fillId="0" borderId="0"/>
    <xf numFmtId="0" fontId="88" fillId="0" borderId="0"/>
    <xf numFmtId="0" fontId="88" fillId="0" borderId="0"/>
    <xf numFmtId="0" fontId="88" fillId="0" borderId="0"/>
    <xf numFmtId="0" fontId="88" fillId="0" borderId="0"/>
    <xf numFmtId="0" fontId="88" fillId="0" borderId="0"/>
    <xf numFmtId="0" fontId="88" fillId="0" borderId="0"/>
    <xf numFmtId="0" fontId="88" fillId="0" borderId="0"/>
    <xf numFmtId="0" fontId="88" fillId="0" borderId="0"/>
    <xf numFmtId="0" fontId="88" fillId="0" borderId="0"/>
    <xf numFmtId="0" fontId="88" fillId="0" borderId="0"/>
    <xf numFmtId="0" fontId="88" fillId="0" borderId="0"/>
    <xf numFmtId="0" fontId="88" fillId="0" borderId="0"/>
    <xf numFmtId="0" fontId="88" fillId="0" borderId="0"/>
    <xf numFmtId="0" fontId="88" fillId="0" borderId="0"/>
    <xf numFmtId="0" fontId="88" fillId="0" borderId="0"/>
    <xf numFmtId="0" fontId="88" fillId="0" borderId="0"/>
    <xf numFmtId="0" fontId="88" fillId="0" borderId="0"/>
    <xf numFmtId="0" fontId="88" fillId="0" borderId="0"/>
    <xf numFmtId="0" fontId="88" fillId="0" borderId="0"/>
    <xf numFmtId="0" fontId="88" fillId="0" borderId="0"/>
    <xf numFmtId="0" fontId="88" fillId="0" borderId="0"/>
    <xf numFmtId="0" fontId="88" fillId="0" borderId="0"/>
    <xf numFmtId="0" fontId="88" fillId="0" borderId="0"/>
    <xf numFmtId="0" fontId="88" fillId="0" borderId="0"/>
    <xf numFmtId="0" fontId="88" fillId="0" borderId="0"/>
    <xf numFmtId="0" fontId="88" fillId="0" borderId="0"/>
    <xf numFmtId="0" fontId="88" fillId="0" borderId="0"/>
    <xf numFmtId="0" fontId="88" fillId="0" borderId="0"/>
    <xf numFmtId="0" fontId="88" fillId="0" borderId="0"/>
    <xf numFmtId="0" fontId="88" fillId="0" borderId="0"/>
    <xf numFmtId="0" fontId="88" fillId="0" borderId="0"/>
    <xf numFmtId="0" fontId="88" fillId="0" borderId="0"/>
    <xf numFmtId="0" fontId="88" fillId="0" borderId="0"/>
    <xf numFmtId="0" fontId="88" fillId="0" borderId="0"/>
    <xf numFmtId="0" fontId="88" fillId="0" borderId="0"/>
    <xf numFmtId="0" fontId="88" fillId="0" borderId="0"/>
    <xf numFmtId="0" fontId="2" fillId="0" borderId="0">
      <alignment horizontal="left" wrapText="1"/>
    </xf>
    <xf numFmtId="0" fontId="2" fillId="0" borderId="0"/>
    <xf numFmtId="0" fontId="87" fillId="0" borderId="0" applyNumberFormat="0" applyBorder="0" applyAlignment="0"/>
    <xf numFmtId="0" fontId="88" fillId="0" borderId="0"/>
    <xf numFmtId="0" fontId="88" fillId="0" borderId="0"/>
    <xf numFmtId="0" fontId="88" fillId="0" borderId="0"/>
    <xf numFmtId="0" fontId="88" fillId="0" borderId="0"/>
    <xf numFmtId="0" fontId="88" fillId="0" borderId="0"/>
    <xf numFmtId="0" fontId="88" fillId="0" borderId="0"/>
    <xf numFmtId="0" fontId="88" fillId="0" borderId="0"/>
    <xf numFmtId="0" fontId="88" fillId="0" borderId="0"/>
    <xf numFmtId="0" fontId="88" fillId="0" borderId="0"/>
    <xf numFmtId="0" fontId="88" fillId="0" borderId="0"/>
    <xf numFmtId="0" fontId="88" fillId="0" borderId="0"/>
    <xf numFmtId="0" fontId="88" fillId="0" borderId="0"/>
    <xf numFmtId="0" fontId="48" fillId="0" borderId="0"/>
    <xf numFmtId="0" fontId="47" fillId="0" borderId="0"/>
    <xf numFmtId="0" fontId="52" fillId="0" borderId="0">
      <alignment horizontal="left" wrapText="1"/>
    </xf>
    <xf numFmtId="0" fontId="88" fillId="0" borderId="0"/>
    <xf numFmtId="0" fontId="88" fillId="0" borderId="0"/>
    <xf numFmtId="0" fontId="88" fillId="0" borderId="0"/>
    <xf numFmtId="0" fontId="88" fillId="0" borderId="0"/>
    <xf numFmtId="0" fontId="88" fillId="0" borderId="0"/>
    <xf numFmtId="0" fontId="88" fillId="0" borderId="0"/>
    <xf numFmtId="0" fontId="2" fillId="0" borderId="0">
      <alignment horizontal="left" wrapText="1"/>
    </xf>
    <xf numFmtId="0" fontId="89" fillId="0" borderId="0"/>
    <xf numFmtId="0" fontId="2" fillId="0" borderId="0">
      <alignment horizontal="left" wrapText="1"/>
    </xf>
    <xf numFmtId="0" fontId="83" fillId="0" borderId="0">
      <alignment horizontal="left" wrapText="1"/>
    </xf>
    <xf numFmtId="0" fontId="86" fillId="0" borderId="0"/>
    <xf numFmtId="0" fontId="2" fillId="0" borderId="0">
      <alignment horizontal="left" wrapText="1"/>
    </xf>
    <xf numFmtId="0" fontId="2" fillId="0" borderId="0"/>
    <xf numFmtId="0" fontId="48" fillId="0" borderId="0"/>
    <xf numFmtId="0" fontId="47" fillId="0" borderId="0"/>
    <xf numFmtId="0" fontId="48" fillId="0" borderId="0"/>
    <xf numFmtId="0" fontId="47" fillId="0" borderId="0"/>
    <xf numFmtId="0" fontId="87" fillId="0" borderId="0" applyNumberFormat="0" applyBorder="0" applyAlignment="0"/>
    <xf numFmtId="0" fontId="2" fillId="0" borderId="0"/>
    <xf numFmtId="0" fontId="87" fillId="0" borderId="0" applyNumberFormat="0" applyBorder="0" applyAlignment="0"/>
    <xf numFmtId="0" fontId="86" fillId="0" borderId="0"/>
    <xf numFmtId="0" fontId="86" fillId="0" borderId="0"/>
    <xf numFmtId="0" fontId="2" fillId="0" borderId="0">
      <alignment horizontal="left" wrapText="1"/>
    </xf>
    <xf numFmtId="0" fontId="2" fillId="0" borderId="0">
      <alignment horizontal="left" wrapText="1"/>
    </xf>
    <xf numFmtId="0" fontId="2" fillId="0" borderId="0"/>
    <xf numFmtId="0" fontId="2" fillId="0" borderId="0"/>
    <xf numFmtId="0" fontId="87" fillId="0" borderId="0" applyNumberFormat="0" applyBorder="0" applyAlignment="0"/>
    <xf numFmtId="0" fontId="88" fillId="0" borderId="0"/>
    <xf numFmtId="0" fontId="87" fillId="0" borderId="0" applyNumberFormat="0" applyBorder="0" applyAlignment="0"/>
    <xf numFmtId="0" fontId="88" fillId="0" borderId="0"/>
    <xf numFmtId="0" fontId="88" fillId="0" borderId="0"/>
    <xf numFmtId="0" fontId="88" fillId="0" borderId="0"/>
    <xf numFmtId="0" fontId="88" fillId="0" borderId="0"/>
    <xf numFmtId="0" fontId="88" fillId="0" borderId="0"/>
    <xf numFmtId="0" fontId="88" fillId="0" borderId="0"/>
    <xf numFmtId="0" fontId="88" fillId="0" borderId="0"/>
    <xf numFmtId="0" fontId="88" fillId="0" borderId="0"/>
    <xf numFmtId="0" fontId="88" fillId="0" borderId="0"/>
    <xf numFmtId="0" fontId="88" fillId="0" borderId="0"/>
    <xf numFmtId="0" fontId="88" fillId="0" borderId="0"/>
    <xf numFmtId="0" fontId="88" fillId="0" borderId="0"/>
    <xf numFmtId="0" fontId="88" fillId="0" borderId="0"/>
    <xf numFmtId="0" fontId="88" fillId="0" borderId="0"/>
    <xf numFmtId="0" fontId="88" fillId="0" borderId="0"/>
    <xf numFmtId="0" fontId="88" fillId="0" borderId="0"/>
    <xf numFmtId="0" fontId="88" fillId="0" borderId="0"/>
    <xf numFmtId="0" fontId="88" fillId="0" borderId="0"/>
    <xf numFmtId="0" fontId="88" fillId="0" borderId="0"/>
    <xf numFmtId="0" fontId="88" fillId="0" borderId="0"/>
    <xf numFmtId="0" fontId="88" fillId="0" borderId="0"/>
    <xf numFmtId="0" fontId="88" fillId="0" borderId="0"/>
    <xf numFmtId="0" fontId="88" fillId="0" borderId="0"/>
    <xf numFmtId="0" fontId="88" fillId="0" borderId="0"/>
    <xf numFmtId="0" fontId="88" fillId="0" borderId="0"/>
    <xf numFmtId="0" fontId="88" fillId="0" borderId="0"/>
    <xf numFmtId="0" fontId="88" fillId="0" borderId="0"/>
    <xf numFmtId="0" fontId="88" fillId="0" borderId="0"/>
    <xf numFmtId="0" fontId="88" fillId="0" borderId="0"/>
    <xf numFmtId="0" fontId="88" fillId="0" borderId="0"/>
    <xf numFmtId="0" fontId="88" fillId="0" borderId="0"/>
    <xf numFmtId="0" fontId="88" fillId="0" borderId="0"/>
    <xf numFmtId="0" fontId="88" fillId="0" borderId="0"/>
    <xf numFmtId="0" fontId="88" fillId="0" borderId="0"/>
    <xf numFmtId="0" fontId="88" fillId="0" borderId="0"/>
    <xf numFmtId="0" fontId="88" fillId="0" borderId="0"/>
    <xf numFmtId="0" fontId="88" fillId="0" borderId="0"/>
    <xf numFmtId="0" fontId="88" fillId="0" borderId="0"/>
    <xf numFmtId="0" fontId="88" fillId="0" borderId="0"/>
    <xf numFmtId="0" fontId="88" fillId="0" borderId="0"/>
    <xf numFmtId="0" fontId="88" fillId="0" borderId="0"/>
    <xf numFmtId="0" fontId="88" fillId="0" borderId="0"/>
    <xf numFmtId="0" fontId="88" fillId="0" borderId="0"/>
    <xf numFmtId="0" fontId="88" fillId="0" borderId="0"/>
    <xf numFmtId="0" fontId="88" fillId="0" borderId="0"/>
    <xf numFmtId="0" fontId="88" fillId="0" borderId="0"/>
    <xf numFmtId="0" fontId="88" fillId="0" borderId="0"/>
    <xf numFmtId="0" fontId="88" fillId="0" borderId="0"/>
    <xf numFmtId="0" fontId="88" fillId="0" borderId="0"/>
    <xf numFmtId="0" fontId="88" fillId="0" borderId="0"/>
    <xf numFmtId="0" fontId="88" fillId="0" borderId="0"/>
    <xf numFmtId="0" fontId="88" fillId="0" borderId="0"/>
    <xf numFmtId="0" fontId="88" fillId="0" borderId="0"/>
    <xf numFmtId="0" fontId="88" fillId="0" borderId="0"/>
    <xf numFmtId="0" fontId="88" fillId="0" borderId="0"/>
    <xf numFmtId="0" fontId="88" fillId="0" borderId="0"/>
    <xf numFmtId="0" fontId="88" fillId="0" borderId="0"/>
    <xf numFmtId="0" fontId="88" fillId="0" borderId="0"/>
    <xf numFmtId="0" fontId="88" fillId="0" borderId="0"/>
    <xf numFmtId="0" fontId="88" fillId="0" borderId="0"/>
    <xf numFmtId="0" fontId="88" fillId="0" borderId="0"/>
    <xf numFmtId="0" fontId="88" fillId="0" borderId="0"/>
    <xf numFmtId="0" fontId="88" fillId="0" borderId="0"/>
    <xf numFmtId="0" fontId="88" fillId="0" borderId="0"/>
    <xf numFmtId="0" fontId="88" fillId="0" borderId="0"/>
    <xf numFmtId="0" fontId="88" fillId="0" borderId="0"/>
    <xf numFmtId="0" fontId="2" fillId="0" borderId="0"/>
    <xf numFmtId="0" fontId="88" fillId="0" borderId="0"/>
    <xf numFmtId="0" fontId="86" fillId="0" borderId="0"/>
    <xf numFmtId="0" fontId="47" fillId="0" borderId="0"/>
    <xf numFmtId="0" fontId="47" fillId="0" borderId="0"/>
    <xf numFmtId="0" fontId="2" fillId="0" borderId="0"/>
    <xf numFmtId="187" fontId="90" fillId="0" borderId="0"/>
    <xf numFmtId="0" fontId="88" fillId="0" borderId="0"/>
    <xf numFmtId="0" fontId="88" fillId="0" borderId="0"/>
    <xf numFmtId="0" fontId="88" fillId="0" borderId="0"/>
    <xf numFmtId="0" fontId="88" fillId="0" borderId="0"/>
    <xf numFmtId="0" fontId="88" fillId="0" borderId="0"/>
    <xf numFmtId="0" fontId="88" fillId="0" borderId="0"/>
    <xf numFmtId="0" fontId="88" fillId="0" borderId="0"/>
    <xf numFmtId="0" fontId="2" fillId="0" borderId="0"/>
    <xf numFmtId="0" fontId="87" fillId="0" borderId="0" applyNumberFormat="0" applyBorder="0" applyAlignment="0"/>
    <xf numFmtId="0" fontId="2" fillId="0" borderId="0"/>
    <xf numFmtId="0" fontId="2" fillId="0" borderId="0"/>
    <xf numFmtId="0" fontId="2" fillId="0" borderId="0"/>
    <xf numFmtId="0" fontId="27" fillId="7" borderId="2" applyNumberFormat="0" applyFont="0" applyAlignment="0" applyProtection="0"/>
    <xf numFmtId="0" fontId="27" fillId="7" borderId="2" applyNumberFormat="0" applyFont="0" applyAlignment="0" applyProtection="0"/>
    <xf numFmtId="0" fontId="27" fillId="7" borderId="2" applyNumberFormat="0" applyFont="0" applyAlignment="0" applyProtection="0"/>
    <xf numFmtId="3" fontId="2" fillId="29" borderId="15" applyFont="0">
      <alignment horizontal="right" vertical="center"/>
      <protection locked="0"/>
    </xf>
    <xf numFmtId="0" fontId="39" fillId="24" borderId="16" applyNumberFormat="0" applyAlignment="0" applyProtection="0"/>
    <xf numFmtId="0" fontId="74" fillId="25" borderId="16" applyNumberFormat="0" applyAlignment="0" applyProtection="0"/>
    <xf numFmtId="0" fontId="39" fillId="24" borderId="16" applyNumberFormat="0" applyAlignment="0" applyProtection="0"/>
    <xf numFmtId="0" fontId="39" fillId="24" borderId="16" applyNumberFormat="0" applyAlignment="0" applyProtection="0"/>
    <xf numFmtId="40" fontId="6" fillId="28" borderId="0">
      <alignment horizontal="right"/>
    </xf>
    <xf numFmtId="0" fontId="53" fillId="30" borderId="0">
      <alignment horizontal="right"/>
    </xf>
    <xf numFmtId="0" fontId="49" fillId="31" borderId="17"/>
    <xf numFmtId="0" fontId="54" fillId="0" borderId="0" applyBorder="0">
      <alignment horizontal="centerContinuous"/>
    </xf>
    <xf numFmtId="0" fontId="55" fillId="0" borderId="0" applyBorder="0">
      <alignment horizontal="centerContinuous"/>
    </xf>
    <xf numFmtId="9" fontId="1" fillId="0" borderId="0" applyFont="0" applyFill="0" applyBorder="0" applyAlignment="0" applyProtection="0"/>
    <xf numFmtId="9" fontId="83" fillId="0" borderId="0" applyFont="0" applyFill="0" applyBorder="0" applyAlignment="0" applyProtection="0"/>
    <xf numFmtId="9" fontId="1" fillId="0" borderId="0" applyFont="0" applyFill="0" applyBorder="0" applyAlignment="0" applyProtection="0"/>
    <xf numFmtId="9" fontId="2" fillId="0" borderId="0" applyFont="0" applyFill="0" applyBorder="0" applyAlignment="0" applyProtection="0"/>
    <xf numFmtId="9" fontId="52" fillId="0" borderId="0" applyFont="0" applyFill="0" applyBorder="0" applyAlignment="0" applyProtection="0"/>
    <xf numFmtId="9" fontId="2" fillId="0" borderId="0" applyFont="0" applyFill="0" applyBorder="0" applyAlignment="0" applyProtection="0"/>
    <xf numFmtId="9" fontId="2" fillId="0" borderId="0" applyFont="0" applyFill="0" applyBorder="0" applyAlignment="0" applyProtection="0"/>
    <xf numFmtId="9" fontId="83" fillId="0" borderId="0" applyFont="0" applyFill="0" applyBorder="0" applyAlignment="0" applyProtection="0"/>
    <xf numFmtId="9" fontId="2" fillId="0" borderId="0" applyFont="0" applyFill="0" applyBorder="0" applyAlignment="0" applyProtection="0"/>
    <xf numFmtId="9" fontId="86" fillId="0" borderId="0" applyFont="0" applyFill="0" applyBorder="0" applyAlignment="0" applyProtection="0"/>
    <xf numFmtId="9" fontId="45" fillId="0" borderId="0" applyFont="0" applyFill="0" applyBorder="0" applyAlignment="0" applyProtection="0"/>
    <xf numFmtId="9" fontId="2" fillId="0" borderId="0" applyFont="0" applyFill="0" applyBorder="0" applyAlignment="0" applyProtection="0"/>
    <xf numFmtId="9" fontId="86" fillId="0" borderId="0" applyFont="0" applyFill="0" applyBorder="0" applyAlignment="0" applyProtection="0"/>
    <xf numFmtId="9" fontId="52" fillId="0" borderId="0" applyFont="0" applyFill="0" applyBorder="0" applyAlignment="0" applyProtection="0"/>
    <xf numFmtId="9" fontId="2" fillId="0" borderId="0" applyFont="0" applyFill="0" applyBorder="0" applyAlignment="0" applyProtection="0"/>
    <xf numFmtId="9" fontId="47" fillId="0" borderId="0" applyFont="0" applyFill="0" applyBorder="0" applyAlignment="0" applyProtection="0"/>
    <xf numFmtId="9" fontId="88" fillId="0" borderId="0" applyFont="0" applyFill="0" applyBorder="0" applyAlignment="0" applyProtection="0"/>
    <xf numFmtId="9" fontId="2" fillId="0" borderId="0" applyFont="0" applyFill="0" applyBorder="0" applyAlignment="0" applyProtection="0"/>
    <xf numFmtId="0" fontId="3" fillId="32" borderId="0" applyNumberFormat="0" applyFont="0" applyFill="0" applyBorder="0" applyAlignment="0" applyProtection="0">
      <alignment horizontal="right" vertical="top" wrapText="1"/>
    </xf>
    <xf numFmtId="0" fontId="20" fillId="0" borderId="0" applyNumberFormat="0" applyFill="0" applyBorder="0" applyAlignment="0" applyProtection="0"/>
    <xf numFmtId="0" fontId="21" fillId="0" borderId="6" applyNumberFormat="0" applyFill="0" applyAlignment="0" applyProtection="0"/>
    <xf numFmtId="0" fontId="57" fillId="0" borderId="7" applyNumberFormat="0" applyFill="0" applyAlignment="0" applyProtection="0"/>
    <xf numFmtId="0" fontId="22" fillId="0" borderId="8" applyNumberFormat="0" applyFill="0" applyAlignment="0" applyProtection="0"/>
    <xf numFmtId="0" fontId="58" fillId="0" borderId="9" applyNumberFormat="0" applyFill="0" applyAlignment="0" applyProtection="0"/>
    <xf numFmtId="0" fontId="23" fillId="0" borderId="10" applyNumberFormat="0" applyFill="0" applyAlignment="0" applyProtection="0"/>
    <xf numFmtId="0" fontId="59" fillId="0" borderId="11" applyNumberFormat="0" applyFill="0" applyAlignment="0" applyProtection="0"/>
    <xf numFmtId="0" fontId="23" fillId="0" borderId="0" applyNumberFormat="0" applyFill="0" applyBorder="0" applyAlignment="0" applyProtection="0"/>
    <xf numFmtId="0" fontId="59" fillId="0" borderId="0" applyNumberFormat="0" applyFill="0" applyBorder="0" applyAlignment="0" applyProtection="0"/>
    <xf numFmtId="0" fontId="60" fillId="0" borderId="0" applyNumberFormat="0" applyFill="0" applyBorder="0" applyAlignment="0" applyProtection="0"/>
    <xf numFmtId="0" fontId="40" fillId="29" borderId="0" applyNumberFormat="0" applyBorder="0" applyAlignment="0" applyProtection="0"/>
    <xf numFmtId="0" fontId="41" fillId="0" borderId="0" applyNumberFormat="0" applyFill="0" applyAlignment="0" applyProtection="0"/>
    <xf numFmtId="0" fontId="40" fillId="0" borderId="0"/>
    <xf numFmtId="0" fontId="42" fillId="0" borderId="18" applyNumberFormat="0" applyFill="0" applyAlignment="0" applyProtection="0"/>
    <xf numFmtId="0" fontId="40" fillId="0" borderId="19" applyNumberFormat="0" applyFill="0" applyAlignment="0" applyProtection="0"/>
    <xf numFmtId="0" fontId="5" fillId="0" borderId="0"/>
    <xf numFmtId="0" fontId="24" fillId="0" borderId="20" applyNumberFormat="0" applyFill="0" applyAlignment="0" applyProtection="0"/>
    <xf numFmtId="0" fontId="24" fillId="0" borderId="21" applyNumberFormat="0" applyFill="0" applyAlignment="0" applyProtection="0"/>
    <xf numFmtId="0" fontId="20" fillId="0" borderId="0" applyNumberFormat="0" applyFill="0" applyBorder="0" applyAlignment="0" applyProtection="0"/>
    <xf numFmtId="0" fontId="60" fillId="0" borderId="0" applyNumberFormat="0" applyFill="0" applyBorder="0" applyAlignment="0" applyProtection="0"/>
    <xf numFmtId="0" fontId="20" fillId="0" borderId="0" applyNumberFormat="0" applyFill="0" applyBorder="0" applyAlignment="0" applyProtection="0"/>
    <xf numFmtId="0" fontId="20" fillId="0" borderId="0" applyNumberFormat="0" applyFill="0" applyBorder="0" applyAlignment="0" applyProtection="0"/>
    <xf numFmtId="0" fontId="43" fillId="0" borderId="20" applyNumberFormat="0" applyFill="0" applyAlignment="0" applyProtection="0"/>
    <xf numFmtId="0" fontId="75" fillId="0" borderId="21" applyNumberFormat="0" applyFill="0" applyAlignment="0" applyProtection="0"/>
    <xf numFmtId="0" fontId="43" fillId="0" borderId="20" applyNumberFormat="0" applyFill="0" applyAlignment="0" applyProtection="0"/>
    <xf numFmtId="0" fontId="43" fillId="0" borderId="20" applyNumberFormat="0" applyFill="0" applyAlignment="0" applyProtection="0"/>
    <xf numFmtId="169" fontId="6" fillId="0" borderId="0" applyFont="0" applyFill="0" applyBorder="0" applyAlignment="0" applyProtection="0"/>
    <xf numFmtId="171" fontId="1" fillId="0" borderId="0" applyFont="0" applyFill="0" applyBorder="0" applyAlignment="0" applyProtection="0"/>
    <xf numFmtId="0" fontId="7" fillId="0" borderId="22"/>
    <xf numFmtId="0" fontId="25" fillId="24" borderId="16" applyNumberFormat="0" applyAlignment="0" applyProtection="0"/>
    <xf numFmtId="0" fontId="25" fillId="25" borderId="16" applyNumberFormat="0" applyAlignment="0" applyProtection="0"/>
    <xf numFmtId="191" fontId="6" fillId="0" borderId="0" applyFont="0" applyFill="0" applyBorder="0" applyAlignment="0" applyProtection="0"/>
    <xf numFmtId="0" fontId="44" fillId="0" borderId="0" applyNumberFormat="0" applyFill="0" applyBorder="0" applyAlignment="0" applyProtection="0"/>
    <xf numFmtId="0" fontId="72" fillId="0" borderId="0" applyNumberFormat="0" applyFill="0" applyBorder="0" applyAlignment="0" applyProtection="0"/>
    <xf numFmtId="0" fontId="44" fillId="0" borderId="0" applyNumberFormat="0" applyFill="0" applyBorder="0" applyAlignment="0" applyProtection="0"/>
    <xf numFmtId="0" fontId="44" fillId="0" borderId="0" applyNumberFormat="0" applyFill="0" applyBorder="0" applyAlignment="0" applyProtection="0"/>
    <xf numFmtId="0" fontId="26" fillId="0" borderId="0" applyNumberFormat="0" applyFill="0" applyBorder="0" applyAlignment="0" applyProtection="0"/>
  </cellStyleXfs>
  <cellXfs count="359">
    <xf numFmtId="0" fontId="0" fillId="0" borderId="0" xfId="0"/>
    <xf numFmtId="0" fontId="8" fillId="0" borderId="0" xfId="0" applyFont="1" applyFill="1" applyBorder="1" applyAlignment="1">
      <alignment horizontal="left"/>
    </xf>
    <xf numFmtId="0" fontId="8" fillId="0" borderId="0" xfId="0" applyFont="1" applyFill="1"/>
    <xf numFmtId="0" fontId="91" fillId="0" borderId="0" xfId="0" applyFont="1"/>
    <xf numFmtId="0" fontId="91" fillId="0" borderId="0" xfId="0" applyFont="1" applyFill="1"/>
    <xf numFmtId="0" fontId="91" fillId="0" borderId="0" xfId="0" applyFont="1" applyFill="1" applyAlignment="1">
      <alignment horizontal="center"/>
    </xf>
    <xf numFmtId="0" fontId="91" fillId="0" borderId="0" xfId="0" applyFont="1" applyAlignment="1">
      <alignment horizontal="center"/>
    </xf>
    <xf numFmtId="0" fontId="91" fillId="0" borderId="0" xfId="0" applyFont="1" applyFill="1" applyBorder="1"/>
    <xf numFmtId="0" fontId="91" fillId="0" borderId="0" xfId="264" applyFont="1"/>
    <xf numFmtId="0" fontId="91" fillId="0" borderId="0" xfId="264" applyFont="1" applyFill="1"/>
    <xf numFmtId="0" fontId="92" fillId="0" borderId="0" xfId="264" applyFont="1"/>
    <xf numFmtId="0" fontId="91" fillId="0" borderId="0" xfId="264" applyFont="1" applyAlignment="1">
      <alignment horizontal="center"/>
    </xf>
    <xf numFmtId="0" fontId="91" fillId="0" borderId="0" xfId="264" applyFont="1" applyFill="1" applyAlignment="1">
      <alignment horizontal="center"/>
    </xf>
    <xf numFmtId="0" fontId="76" fillId="0" borderId="0" xfId="0" applyFont="1" applyFill="1" applyBorder="1" applyAlignment="1">
      <alignment horizontal="left"/>
    </xf>
    <xf numFmtId="0" fontId="93" fillId="0" borderId="0" xfId="0" applyFont="1"/>
    <xf numFmtId="0" fontId="93" fillId="0" borderId="0" xfId="0" applyFont="1" applyFill="1"/>
    <xf numFmtId="0" fontId="93" fillId="0" borderId="0" xfId="0" applyFont="1" applyFill="1" applyBorder="1"/>
    <xf numFmtId="0" fontId="94" fillId="0" borderId="0" xfId="0" applyFont="1" applyFill="1"/>
    <xf numFmtId="0" fontId="76" fillId="0" borderId="0" xfId="0" applyFont="1" applyFill="1"/>
    <xf numFmtId="0" fontId="95" fillId="0" borderId="0" xfId="0" applyFont="1" applyFill="1"/>
    <xf numFmtId="0" fontId="76" fillId="0" borderId="0" xfId="0" applyFont="1"/>
    <xf numFmtId="0" fontId="95" fillId="0" borderId="23" xfId="0" applyFont="1" applyBorder="1"/>
    <xf numFmtId="0" fontId="93" fillId="0" borderId="23" xfId="0" applyFont="1" applyBorder="1"/>
    <xf numFmtId="0" fontId="95" fillId="33" borderId="0" xfId="0" quotePrefix="1" applyFont="1" applyFill="1" applyBorder="1"/>
    <xf numFmtId="0" fontId="95" fillId="0" borderId="0" xfId="0" quotePrefix="1" applyFont="1" applyFill="1" applyBorder="1"/>
    <xf numFmtId="0" fontId="95" fillId="33" borderId="23" xfId="0" applyFont="1" applyFill="1" applyBorder="1"/>
    <xf numFmtId="9" fontId="95" fillId="33" borderId="23" xfId="0" applyNumberFormat="1" applyFont="1" applyFill="1" applyBorder="1" applyAlignment="1">
      <alignment horizontal="center" vertical="center" wrapText="1"/>
    </xf>
    <xf numFmtId="0" fontId="95" fillId="0" borderId="0" xfId="0" applyFont="1" applyFill="1" applyBorder="1" applyAlignment="1">
      <alignment horizontal="left" vertical="center" wrapText="1"/>
    </xf>
    <xf numFmtId="0" fontId="93" fillId="0" borderId="0" xfId="0" applyFont="1" applyFill="1" applyBorder="1" applyAlignment="1">
      <alignment wrapText="1"/>
    </xf>
    <xf numFmtId="0" fontId="77" fillId="0" borderId="0" xfId="0" applyFont="1" applyFill="1" applyBorder="1" applyAlignment="1">
      <alignment wrapText="1"/>
    </xf>
    <xf numFmtId="0" fontId="93" fillId="0" borderId="23" xfId="0" applyFont="1" applyFill="1" applyBorder="1" applyAlignment="1">
      <alignment wrapText="1"/>
    </xf>
    <xf numFmtId="0" fontId="95" fillId="0" borderId="0" xfId="0" applyFont="1" applyFill="1" applyBorder="1" applyAlignment="1">
      <alignment wrapText="1"/>
    </xf>
    <xf numFmtId="0" fontId="93" fillId="0" borderId="0" xfId="0" applyFont="1" applyFill="1" applyAlignment="1">
      <alignment horizontal="center"/>
    </xf>
    <xf numFmtId="3" fontId="96" fillId="0" borderId="0" xfId="0" applyNumberFormat="1" applyFont="1"/>
    <xf numFmtId="209" fontId="93" fillId="0" borderId="0" xfId="0" applyNumberFormat="1" applyFont="1"/>
    <xf numFmtId="0" fontId="93" fillId="0" borderId="0" xfId="0" quotePrefix="1" applyFont="1" applyFill="1"/>
    <xf numFmtId="0" fontId="93" fillId="0" borderId="0" xfId="0" quotePrefix="1" applyFont="1" applyFill="1" applyBorder="1"/>
    <xf numFmtId="3" fontId="96" fillId="0" borderId="0" xfId="0" applyNumberFormat="1" applyFont="1" applyFill="1" applyBorder="1"/>
    <xf numFmtId="211" fontId="93" fillId="0" borderId="0" xfId="0" applyNumberFormat="1" applyFont="1" applyFill="1" applyAlignment="1">
      <alignment horizontal="center"/>
    </xf>
    <xf numFmtId="0" fontId="96" fillId="0" borderId="0" xfId="0" applyFont="1" applyFill="1"/>
    <xf numFmtId="0" fontId="95" fillId="0" borderId="0" xfId="0" applyFont="1"/>
    <xf numFmtId="0" fontId="97" fillId="0" borderId="0" xfId="0" applyFont="1"/>
    <xf numFmtId="0" fontId="93" fillId="0" borderId="0" xfId="264" applyFont="1"/>
    <xf numFmtId="0" fontId="95" fillId="0" borderId="0" xfId="264" applyFont="1"/>
    <xf numFmtId="15" fontId="95" fillId="33" borderId="0" xfId="264" applyNumberFormat="1" applyFont="1" applyFill="1" applyBorder="1" applyAlignment="1"/>
    <xf numFmtId="0" fontId="95" fillId="33" borderId="0" xfId="264" applyFont="1" applyFill="1" applyBorder="1" applyAlignment="1"/>
    <xf numFmtId="9" fontId="95" fillId="33" borderId="0" xfId="264" applyNumberFormat="1" applyFont="1" applyFill="1" applyBorder="1" applyAlignment="1">
      <alignment horizontal="center" vertical="center" wrapText="1"/>
    </xf>
    <xf numFmtId="0" fontId="93" fillId="0" borderId="0" xfId="264" applyFont="1" applyFill="1"/>
    <xf numFmtId="0" fontId="93" fillId="0" borderId="23" xfId="264" applyFont="1" applyFill="1" applyBorder="1" applyAlignment="1">
      <alignment wrapText="1"/>
    </xf>
    <xf numFmtId="0" fontId="93" fillId="0" borderId="23" xfId="264" applyFont="1" applyBorder="1"/>
    <xf numFmtId="0" fontId="95" fillId="0" borderId="0" xfId="264" applyFont="1" applyFill="1" applyBorder="1" applyAlignment="1">
      <alignment wrapText="1"/>
    </xf>
    <xf numFmtId="0" fontId="93" fillId="0" borderId="0" xfId="264" applyFont="1" applyFill="1" applyAlignment="1">
      <alignment horizontal="center"/>
    </xf>
    <xf numFmtId="0" fontId="77" fillId="0" borderId="0" xfId="0" applyFont="1"/>
    <xf numFmtId="0" fontId="97" fillId="0" borderId="0" xfId="0" applyFont="1" applyFill="1"/>
    <xf numFmtId="0" fontId="76" fillId="33" borderId="24" xfId="0" applyFont="1" applyFill="1" applyBorder="1" applyAlignment="1">
      <alignment horizontal="left"/>
    </xf>
    <xf numFmtId="0" fontId="76" fillId="33" borderId="25" xfId="0" applyFont="1" applyFill="1" applyBorder="1" applyAlignment="1">
      <alignment horizontal="left"/>
    </xf>
    <xf numFmtId="0" fontId="76" fillId="33" borderId="23" xfId="0" applyFont="1" applyFill="1" applyBorder="1" applyAlignment="1">
      <alignment horizontal="center"/>
    </xf>
    <xf numFmtId="0" fontId="76" fillId="33" borderId="26" xfId="0" applyFont="1" applyFill="1" applyBorder="1" applyAlignment="1">
      <alignment horizontal="center"/>
    </xf>
    <xf numFmtId="0" fontId="77" fillId="0" borderId="0" xfId="0" applyFont="1" applyFill="1"/>
    <xf numFmtId="0" fontId="77" fillId="0" borderId="0" xfId="0" applyFont="1" applyBorder="1"/>
    <xf numFmtId="0" fontId="76" fillId="33" borderId="27" xfId="0" applyFont="1" applyFill="1" applyBorder="1" applyAlignment="1">
      <alignment horizontal="left"/>
    </xf>
    <xf numFmtId="0" fontId="76" fillId="33" borderId="0" xfId="0" applyFont="1" applyFill="1" applyBorder="1" applyAlignment="1">
      <alignment horizontal="center"/>
    </xf>
    <xf numFmtId="0" fontId="76" fillId="33" borderId="17" xfId="0" applyFont="1" applyFill="1" applyBorder="1" applyAlignment="1">
      <alignment horizontal="center"/>
    </xf>
    <xf numFmtId="3" fontId="76" fillId="34" borderId="28" xfId="0" applyNumberFormat="1" applyFont="1" applyFill="1" applyBorder="1"/>
    <xf numFmtId="0" fontId="76" fillId="34" borderId="25" xfId="0" applyFont="1" applyFill="1" applyBorder="1" applyAlignment="1">
      <alignment wrapText="1"/>
    </xf>
    <xf numFmtId="3" fontId="76" fillId="34" borderId="23" xfId="0" applyNumberFormat="1" applyFont="1" applyFill="1" applyBorder="1"/>
    <xf numFmtId="3" fontId="76" fillId="34" borderId="26" xfId="0" applyNumberFormat="1" applyFont="1" applyFill="1" applyBorder="1"/>
    <xf numFmtId="3" fontId="76" fillId="34" borderId="25" xfId="0" applyNumberFormat="1" applyFont="1" applyFill="1" applyBorder="1"/>
    <xf numFmtId="0" fontId="98" fillId="0" borderId="0" xfId="0" applyFont="1" applyFill="1"/>
    <xf numFmtId="0" fontId="99" fillId="0" borderId="0" xfId="0" applyFont="1" applyFill="1"/>
    <xf numFmtId="0" fontId="99" fillId="0" borderId="0" xfId="0" applyFont="1"/>
    <xf numFmtId="0" fontId="100" fillId="0" borderId="0" xfId="0" applyFont="1"/>
    <xf numFmtId="3" fontId="76" fillId="0" borderId="0" xfId="0" applyNumberFormat="1" applyFont="1" applyFill="1" applyAlignment="1">
      <alignment horizontal="left"/>
    </xf>
    <xf numFmtId="3" fontId="77" fillId="0" borderId="0" xfId="0" applyNumberFormat="1" applyFont="1" applyFill="1"/>
    <xf numFmtId="3" fontId="77" fillId="0" borderId="0" xfId="0" applyNumberFormat="1" applyFont="1" applyFill="1" applyAlignment="1">
      <alignment horizontal="center"/>
    </xf>
    <xf numFmtId="3" fontId="76" fillId="0" borderId="0" xfId="0" applyNumberFormat="1" applyFont="1" applyFill="1" applyAlignment="1">
      <alignment horizontal="center"/>
    </xf>
    <xf numFmtId="3" fontId="77" fillId="0" borderId="0" xfId="0" applyNumberFormat="1" applyFont="1" applyFill="1" applyAlignment="1">
      <alignment wrapText="1"/>
    </xf>
    <xf numFmtId="3" fontId="76" fillId="0" borderId="28" xfId="0" applyNumberFormat="1" applyFont="1" applyFill="1" applyBorder="1" applyAlignment="1">
      <alignment horizontal="center"/>
    </xf>
    <xf numFmtId="3" fontId="76" fillId="0" borderId="28" xfId="0" applyNumberFormat="1" applyFont="1" applyFill="1" applyBorder="1"/>
    <xf numFmtId="0" fontId="101" fillId="0" borderId="34" xfId="0" applyFont="1" applyFill="1" applyBorder="1" applyAlignment="1">
      <alignment horizontal="center" vertical="center" wrapText="1" readingOrder="1"/>
    </xf>
    <xf numFmtId="0" fontId="101" fillId="0" borderId="34" xfId="0" applyFont="1" applyFill="1" applyBorder="1" applyAlignment="1">
      <alignment horizontal="left" vertical="center" wrapText="1" readingOrder="1"/>
    </xf>
    <xf numFmtId="3" fontId="76" fillId="0" borderId="0" xfId="0" applyNumberFormat="1" applyFont="1" applyFill="1"/>
    <xf numFmtId="3" fontId="77" fillId="0" borderId="23" xfId="0" applyNumberFormat="1" applyFont="1" applyFill="1" applyBorder="1" applyAlignment="1">
      <alignment horizontal="center"/>
    </xf>
    <xf numFmtId="3" fontId="77" fillId="0" borderId="23" xfId="0" applyNumberFormat="1" applyFont="1" applyFill="1" applyBorder="1" applyAlignment="1">
      <alignment wrapText="1"/>
    </xf>
    <xf numFmtId="3" fontId="77" fillId="0" borderId="23" xfId="0" applyNumberFormat="1" applyFont="1" applyFill="1" applyBorder="1"/>
    <xf numFmtId="3" fontId="76" fillId="0" borderId="23" xfId="0" applyNumberFormat="1" applyFont="1" applyFill="1" applyBorder="1" applyAlignment="1">
      <alignment horizontal="center"/>
    </xf>
    <xf numFmtId="3" fontId="76" fillId="0" borderId="29" xfId="0" applyNumberFormat="1" applyFont="1" applyFill="1" applyBorder="1" applyAlignment="1">
      <alignment horizontal="center"/>
    </xf>
    <xf numFmtId="3" fontId="76" fillId="0" borderId="29" xfId="0" applyNumberFormat="1" applyFont="1" applyFill="1" applyBorder="1"/>
    <xf numFmtId="0" fontId="101" fillId="0" borderId="35" xfId="0" applyFont="1" applyFill="1" applyBorder="1" applyAlignment="1">
      <alignment horizontal="center" vertical="center" wrapText="1" readingOrder="1"/>
    </xf>
    <xf numFmtId="0" fontId="101" fillId="0" borderId="35" xfId="0" applyFont="1" applyFill="1" applyBorder="1" applyAlignment="1">
      <alignment horizontal="left" vertical="center" wrapText="1" readingOrder="1"/>
    </xf>
    <xf numFmtId="3" fontId="76" fillId="0" borderId="23" xfId="0" applyNumberFormat="1" applyFont="1" applyFill="1" applyBorder="1"/>
    <xf numFmtId="174" fontId="77" fillId="0" borderId="0" xfId="569" applyNumberFormat="1" applyFont="1" applyFill="1"/>
    <xf numFmtId="10" fontId="77" fillId="0" borderId="0" xfId="569" applyNumberFormat="1" applyFont="1" applyFill="1"/>
    <xf numFmtId="0" fontId="78" fillId="0" borderId="0" xfId="0" applyFont="1" applyFill="1" applyAlignment="1">
      <alignment vertical="center"/>
    </xf>
    <xf numFmtId="0" fontId="76" fillId="0" borderId="0" xfId="254" applyFont="1" applyFill="1"/>
    <xf numFmtId="0" fontId="93" fillId="0" borderId="0" xfId="254" applyFont="1"/>
    <xf numFmtId="0" fontId="93" fillId="0" borderId="23" xfId="254" applyFont="1" applyBorder="1"/>
    <xf numFmtId="0" fontId="93" fillId="0" borderId="23" xfId="254" applyFont="1" applyFill="1" applyBorder="1"/>
    <xf numFmtId="0" fontId="95" fillId="33" borderId="0" xfId="254" applyFont="1" applyFill="1" applyBorder="1" applyAlignment="1">
      <alignment horizontal="center" vertical="center" wrapText="1"/>
    </xf>
    <xf numFmtId="0" fontId="95" fillId="33" borderId="23" xfId="254" applyFont="1" applyFill="1" applyBorder="1" applyAlignment="1">
      <alignment horizontal="left" vertical="center" wrapText="1"/>
    </xf>
    <xf numFmtId="15" fontId="76" fillId="33" borderId="23" xfId="254" quotePrefix="1" applyNumberFormat="1" applyFont="1" applyFill="1" applyBorder="1" applyAlignment="1">
      <alignment horizontal="center" vertical="center" wrapText="1"/>
    </xf>
    <xf numFmtId="0" fontId="77" fillId="0" borderId="0" xfId="254" applyFont="1" applyFill="1" applyBorder="1" applyAlignment="1">
      <alignment wrapText="1"/>
    </xf>
    <xf numFmtId="3" fontId="77" fillId="0" borderId="0" xfId="254" applyNumberFormat="1" applyFont="1" applyFill="1"/>
    <xf numFmtId="0" fontId="78" fillId="0" borderId="0" xfId="254" applyFont="1" applyFill="1" applyBorder="1" applyAlignment="1">
      <alignment wrapText="1"/>
    </xf>
    <xf numFmtId="3" fontId="77" fillId="0" borderId="0" xfId="254" applyNumberFormat="1" applyFont="1"/>
    <xf numFmtId="0" fontId="78" fillId="0" borderId="0" xfId="264" applyFont="1" applyFill="1" applyBorder="1" applyAlignment="1">
      <alignment wrapText="1"/>
    </xf>
    <xf numFmtId="0" fontId="77" fillId="0" borderId="0" xfId="254" applyFont="1" applyFill="1" applyBorder="1" applyAlignment="1"/>
    <xf numFmtId="3" fontId="78" fillId="0" borderId="0" xfId="254" applyNumberFormat="1" applyFont="1" applyFill="1"/>
    <xf numFmtId="3" fontId="78" fillId="0" borderId="0" xfId="254" applyNumberFormat="1" applyFont="1"/>
    <xf numFmtId="0" fontId="102" fillId="0" borderId="0" xfId="254" applyFont="1" applyFill="1" applyBorder="1" applyAlignment="1">
      <alignment wrapText="1"/>
    </xf>
    <xf numFmtId="3" fontId="96" fillId="0" borderId="0" xfId="254" applyNumberFormat="1" applyFont="1" applyFill="1"/>
    <xf numFmtId="0" fontId="93" fillId="0" borderId="0" xfId="254" applyFont="1" applyFill="1" applyBorder="1" applyAlignment="1">
      <alignment wrapText="1"/>
    </xf>
    <xf numFmtId="0" fontId="93" fillId="0" borderId="23" xfId="254" applyFont="1" applyFill="1" applyBorder="1" applyAlignment="1">
      <alignment wrapText="1"/>
    </xf>
    <xf numFmtId="3" fontId="77" fillId="0" borderId="23" xfId="254" applyNumberFormat="1" applyFont="1" applyFill="1" applyBorder="1"/>
    <xf numFmtId="3" fontId="77" fillId="0" borderId="23" xfId="254" applyNumberFormat="1" applyFont="1" applyBorder="1"/>
    <xf numFmtId="0" fontId="95" fillId="0" borderId="0" xfId="254" applyFont="1" applyFill="1" applyBorder="1" applyAlignment="1">
      <alignment wrapText="1"/>
    </xf>
    <xf numFmtId="3" fontId="76" fillId="0" borderId="0" xfId="254" applyNumberFormat="1" applyFont="1" applyFill="1"/>
    <xf numFmtId="0" fontId="93" fillId="0" borderId="0" xfId="254" applyFont="1" applyFill="1"/>
    <xf numFmtId="3" fontId="93" fillId="0" borderId="0" xfId="254" applyNumberFormat="1" applyFont="1" applyFill="1"/>
    <xf numFmtId="0" fontId="103" fillId="0" borderId="0" xfId="254" applyFont="1" applyAlignment="1">
      <alignment horizontal="left"/>
    </xf>
    <xf numFmtId="3" fontId="103" fillId="0" borderId="0" xfId="254" applyNumberFormat="1" applyFont="1" applyFill="1"/>
    <xf numFmtId="0" fontId="77" fillId="0" borderId="0" xfId="0" applyFont="1" applyFill="1" applyBorder="1"/>
    <xf numFmtId="3" fontId="77" fillId="0" borderId="0" xfId="0" applyNumberFormat="1" applyFont="1" applyFill="1" applyBorder="1"/>
    <xf numFmtId="0" fontId="95" fillId="33" borderId="23" xfId="0" applyFont="1" applyFill="1" applyBorder="1" applyAlignment="1">
      <alignment horizontal="center" vertical="center" wrapText="1"/>
    </xf>
    <xf numFmtId="3" fontId="93" fillId="0" borderId="0" xfId="0" applyNumberFormat="1" applyFont="1" applyFill="1" applyBorder="1" applyAlignment="1">
      <alignment vertical="top" wrapText="1"/>
    </xf>
    <xf numFmtId="3" fontId="77" fillId="0" borderId="30" xfId="0" applyNumberFormat="1" applyFont="1" applyFill="1" applyBorder="1"/>
    <xf numFmtId="226" fontId="77" fillId="0" borderId="0" xfId="0" applyNumberFormat="1" applyFont="1" applyFill="1"/>
    <xf numFmtId="3" fontId="93" fillId="0" borderId="0" xfId="0" applyNumberFormat="1" applyFont="1" applyFill="1"/>
    <xf numFmtId="3" fontId="93" fillId="0" borderId="0" xfId="0" applyNumberFormat="1" applyFont="1"/>
    <xf numFmtId="3" fontId="95" fillId="0" borderId="0" xfId="0" applyNumberFormat="1" applyFont="1" applyFill="1" applyBorder="1" applyAlignment="1">
      <alignment vertical="top" wrapText="1"/>
    </xf>
    <xf numFmtId="226" fontId="76" fillId="0" borderId="0" xfId="0" applyNumberFormat="1" applyFont="1" applyFill="1"/>
    <xf numFmtId="0" fontId="96" fillId="0" borderId="0" xfId="0" applyFont="1" applyFill="1" applyAlignment="1">
      <alignment vertical="center"/>
    </xf>
    <xf numFmtId="0" fontId="93" fillId="0" borderId="0" xfId="0" applyFont="1" applyAlignment="1">
      <alignment horizontal="center"/>
    </xf>
    <xf numFmtId="3" fontId="95" fillId="0" borderId="0" xfId="0" applyNumberFormat="1" applyFont="1" applyFill="1"/>
    <xf numFmtId="15" fontId="76" fillId="33" borderId="0" xfId="0" quotePrefix="1" applyNumberFormat="1" applyFont="1" applyFill="1" applyBorder="1" applyAlignment="1">
      <alignment horizontal="left" wrapText="1"/>
    </xf>
    <xf numFmtId="0" fontId="95" fillId="33" borderId="0" xfId="0" applyFont="1" applyFill="1" applyBorder="1" applyAlignment="1">
      <alignment horizontal="center" wrapText="1"/>
    </xf>
    <xf numFmtId="0" fontId="95" fillId="33" borderId="0" xfId="0" applyFont="1" applyFill="1" applyBorder="1" applyAlignment="1">
      <alignment vertical="center"/>
    </xf>
    <xf numFmtId="0" fontId="95" fillId="0" borderId="0" xfId="0" applyFont="1" applyFill="1" applyBorder="1"/>
    <xf numFmtId="0" fontId="95" fillId="33" borderId="29" xfId="0" applyFont="1" applyFill="1" applyBorder="1" applyAlignment="1">
      <alignment horizontal="left"/>
    </xf>
    <xf numFmtId="9" fontId="95" fillId="33" borderId="29" xfId="0" applyNumberFormat="1" applyFont="1" applyFill="1" applyBorder="1" applyAlignment="1">
      <alignment horizontal="center" vertical="center" wrapText="1"/>
    </xf>
    <xf numFmtId="3" fontId="93" fillId="0" borderId="0" xfId="0" applyNumberFormat="1" applyFont="1" applyFill="1" applyBorder="1" applyAlignment="1">
      <alignment wrapText="1"/>
    </xf>
    <xf numFmtId="3" fontId="95" fillId="0" borderId="0" xfId="0" applyNumberFormat="1" applyFont="1" applyFill="1" applyBorder="1" applyAlignment="1">
      <alignment wrapText="1"/>
    </xf>
    <xf numFmtId="0" fontId="93" fillId="0" borderId="0" xfId="0" applyFont="1" applyFill="1" applyBorder="1" applyAlignment="1">
      <alignment horizontal="center"/>
    </xf>
    <xf numFmtId="3" fontId="93" fillId="0" borderId="0" xfId="0" applyNumberFormat="1" applyFont="1" applyFill="1" applyBorder="1"/>
    <xf numFmtId="0" fontId="93" fillId="0" borderId="23" xfId="0" applyFont="1" applyFill="1" applyBorder="1" applyAlignment="1">
      <alignment horizontal="center"/>
    </xf>
    <xf numFmtId="0" fontId="93" fillId="0" borderId="23" xfId="0" applyFont="1" applyFill="1" applyBorder="1"/>
    <xf numFmtId="174" fontId="93" fillId="0" borderId="0" xfId="563" applyNumberFormat="1" applyFont="1"/>
    <xf numFmtId="3" fontId="93" fillId="0" borderId="0" xfId="264" applyNumberFormat="1" applyFont="1" applyFill="1" applyBorder="1" applyAlignment="1">
      <alignment wrapText="1"/>
    </xf>
    <xf numFmtId="0" fontId="97" fillId="0" borderId="0" xfId="264" applyFont="1" applyFill="1"/>
    <xf numFmtId="174" fontId="97" fillId="0" borderId="0" xfId="563" applyNumberFormat="1" applyFont="1" applyFill="1"/>
    <xf numFmtId="0" fontId="93" fillId="0" borderId="0" xfId="264" applyFont="1" applyFill="1" applyBorder="1"/>
    <xf numFmtId="0" fontId="104" fillId="0" borderId="0" xfId="264" applyFont="1" applyFill="1" applyBorder="1"/>
    <xf numFmtId="193" fontId="93" fillId="0" borderId="0" xfId="264" applyNumberFormat="1" applyFont="1"/>
    <xf numFmtId="174" fontId="96" fillId="0" borderId="0" xfId="563" applyNumberFormat="1" applyFont="1"/>
    <xf numFmtId="15" fontId="76" fillId="33" borderId="29" xfId="264" quotePrefix="1" applyNumberFormat="1" applyFont="1" applyFill="1" applyBorder="1" applyAlignment="1">
      <alignment horizontal="left" wrapText="1"/>
    </xf>
    <xf numFmtId="0" fontId="95" fillId="33" borderId="29" xfId="264" applyFont="1" applyFill="1" applyBorder="1" applyAlignment="1">
      <alignment horizontal="center" vertical="center" wrapText="1"/>
    </xf>
    <xf numFmtId="9" fontId="95" fillId="33" borderId="29" xfId="264" applyNumberFormat="1" applyFont="1" applyFill="1" applyBorder="1" applyAlignment="1">
      <alignment horizontal="center" vertical="center" wrapText="1"/>
    </xf>
    <xf numFmtId="193" fontId="95" fillId="33" borderId="29" xfId="264" applyNumberFormat="1" applyFont="1" applyFill="1" applyBorder="1" applyAlignment="1">
      <alignment horizontal="center" vertical="center" wrapText="1"/>
    </xf>
    <xf numFmtId="193" fontId="93" fillId="0" borderId="0" xfId="264" applyNumberFormat="1" applyFont="1" applyFill="1" applyBorder="1" applyAlignment="1">
      <alignment wrapText="1"/>
    </xf>
    <xf numFmtId="0" fontId="93" fillId="0" borderId="0" xfId="264" applyFont="1" applyFill="1" applyBorder="1" applyAlignment="1">
      <alignment wrapText="1"/>
    </xf>
    <xf numFmtId="0" fontId="95" fillId="0" borderId="0" xfId="264" applyFont="1" applyFill="1" applyBorder="1"/>
    <xf numFmtId="0" fontId="95" fillId="0" borderId="28" xfId="264" applyFont="1" applyFill="1" applyBorder="1" applyAlignment="1">
      <alignment wrapText="1"/>
    </xf>
    <xf numFmtId="0" fontId="95" fillId="0" borderId="0" xfId="264" applyFont="1" applyFill="1"/>
    <xf numFmtId="3" fontId="95" fillId="0" borderId="28" xfId="264" applyNumberFormat="1" applyFont="1" applyFill="1" applyBorder="1" applyAlignment="1">
      <alignment wrapText="1"/>
    </xf>
    <xf numFmtId="193" fontId="95" fillId="0" borderId="28" xfId="264" applyNumberFormat="1" applyFont="1" applyFill="1" applyBorder="1" applyAlignment="1">
      <alignment wrapText="1"/>
    </xf>
    <xf numFmtId="3" fontId="93" fillId="0" borderId="0" xfId="264" applyNumberFormat="1" applyFont="1" applyFill="1"/>
    <xf numFmtId="193" fontId="93" fillId="0" borderId="0" xfId="264" applyNumberFormat="1" applyFont="1" applyFill="1"/>
    <xf numFmtId="174" fontId="93" fillId="0" borderId="0" xfId="563" applyNumberFormat="1" applyFont="1" applyFill="1"/>
    <xf numFmtId="193" fontId="93" fillId="0" borderId="0" xfId="264" applyNumberFormat="1" applyFont="1" applyFill="1" applyBorder="1"/>
    <xf numFmtId="174" fontId="93" fillId="0" borderId="0" xfId="563" applyNumberFormat="1" applyFont="1" applyFill="1" applyBorder="1"/>
    <xf numFmtId="212" fontId="77" fillId="0" borderId="0" xfId="560" applyNumberFormat="1" applyFont="1" applyFill="1" applyBorder="1" applyAlignment="1">
      <alignment horizontal="right"/>
    </xf>
    <xf numFmtId="0" fontId="93" fillId="0" borderId="23" xfId="264" applyFont="1" applyFill="1" applyBorder="1"/>
    <xf numFmtId="3" fontId="93" fillId="0" borderId="23" xfId="264" applyNumberFormat="1" applyFont="1" applyFill="1" applyBorder="1" applyAlignment="1">
      <alignment wrapText="1"/>
    </xf>
    <xf numFmtId="193" fontId="93" fillId="0" borderId="23" xfId="264" applyNumberFormat="1" applyFont="1" applyFill="1" applyBorder="1" applyAlignment="1">
      <alignment wrapText="1"/>
    </xf>
    <xf numFmtId="212" fontId="77" fillId="0" borderId="23" xfId="560" applyNumberFormat="1" applyFont="1" applyFill="1" applyBorder="1" applyAlignment="1">
      <alignment horizontal="right"/>
    </xf>
    <xf numFmtId="3" fontId="95" fillId="0" borderId="0" xfId="264" applyNumberFormat="1" applyFont="1" applyFill="1" applyBorder="1" applyAlignment="1">
      <alignment wrapText="1"/>
    </xf>
    <xf numFmtId="193" fontId="95" fillId="0" borderId="0" xfId="264" applyNumberFormat="1" applyFont="1" applyFill="1" applyBorder="1" applyAlignment="1">
      <alignment wrapText="1"/>
    </xf>
    <xf numFmtId="0" fontId="93" fillId="0" borderId="0" xfId="264" applyFont="1" applyAlignment="1">
      <alignment horizontal="center"/>
    </xf>
    <xf numFmtId="3" fontId="93" fillId="0" borderId="0" xfId="264" applyNumberFormat="1" applyFont="1"/>
    <xf numFmtId="0" fontId="93" fillId="0" borderId="0" xfId="264" applyFont="1" applyBorder="1" applyAlignment="1">
      <alignment horizontal="center"/>
    </xf>
    <xf numFmtId="3" fontId="93" fillId="0" borderId="0" xfId="264" applyNumberFormat="1" applyFont="1" applyFill="1" applyBorder="1"/>
    <xf numFmtId="0" fontId="93" fillId="0" borderId="0" xfId="264" applyFont="1" applyBorder="1"/>
    <xf numFmtId="3" fontId="93" fillId="0" borderId="0" xfId="264" applyNumberFormat="1" applyFont="1" applyBorder="1"/>
    <xf numFmtId="193" fontId="93" fillId="0" borderId="0" xfId="264" applyNumberFormat="1" applyFont="1" applyBorder="1"/>
    <xf numFmtId="0" fontId="95" fillId="33" borderId="29" xfId="264" applyFont="1" applyFill="1" applyBorder="1" applyAlignment="1"/>
    <xf numFmtId="3" fontId="93" fillId="35" borderId="0" xfId="264" applyNumberFormat="1" applyFont="1" applyFill="1" applyBorder="1" applyAlignment="1">
      <alignment wrapText="1"/>
    </xf>
    <xf numFmtId="3" fontId="93" fillId="35" borderId="0" xfId="179" applyNumberFormat="1" applyFont="1" applyFill="1" applyBorder="1" applyAlignment="1">
      <alignment wrapText="1"/>
    </xf>
    <xf numFmtId="3" fontId="93" fillId="0" borderId="0" xfId="179" applyNumberFormat="1" applyFont="1" applyFill="1" applyBorder="1" applyAlignment="1">
      <alignment wrapText="1"/>
    </xf>
    <xf numFmtId="3" fontId="96" fillId="0" borderId="0" xfId="264" applyNumberFormat="1" applyFont="1"/>
    <xf numFmtId="0" fontId="96" fillId="0" borderId="0" xfId="264" applyFont="1" applyFill="1"/>
    <xf numFmtId="15" fontId="76" fillId="33" borderId="23" xfId="0" quotePrefix="1" applyNumberFormat="1" applyFont="1" applyFill="1" applyBorder="1" applyAlignment="1">
      <alignment horizontal="left"/>
    </xf>
    <xf numFmtId="182" fontId="93" fillId="0" borderId="0" xfId="0" applyNumberFormat="1" applyFont="1" applyFill="1"/>
    <xf numFmtId="1" fontId="93" fillId="0" borderId="23" xfId="179" applyNumberFormat="1" applyFont="1" applyFill="1" applyBorder="1" applyAlignment="1">
      <alignment horizontal="center" vertical="center" wrapText="1"/>
    </xf>
    <xf numFmtId="0" fontId="105" fillId="0" borderId="0" xfId="0" applyFont="1" applyFill="1" applyBorder="1"/>
    <xf numFmtId="0" fontId="76" fillId="0" borderId="0" xfId="0" applyFont="1" applyFill="1" applyBorder="1" applyAlignment="1">
      <alignment vertical="center" wrapText="1"/>
    </xf>
    <xf numFmtId="182" fontId="95" fillId="0" borderId="0" xfId="179" applyNumberFormat="1" applyFont="1" applyFill="1" applyBorder="1" applyAlignment="1">
      <alignment horizontal="center" vertical="center" wrapText="1"/>
    </xf>
    <xf numFmtId="182" fontId="76" fillId="0" borderId="0" xfId="179" applyNumberFormat="1" applyFont="1" applyFill="1" applyBorder="1" applyAlignment="1">
      <alignment horizontal="center" vertical="center" wrapText="1"/>
    </xf>
    <xf numFmtId="0" fontId="105" fillId="0" borderId="0" xfId="0" applyFont="1" applyFill="1"/>
    <xf numFmtId="0" fontId="76" fillId="0" borderId="0" xfId="264" applyFont="1"/>
    <xf numFmtId="15" fontId="76" fillId="33" borderId="29" xfId="264" quotePrefix="1" applyNumberFormat="1" applyFont="1" applyFill="1" applyBorder="1" applyAlignment="1">
      <alignment horizontal="left"/>
    </xf>
    <xf numFmtId="0" fontId="95" fillId="33" borderId="29" xfId="264" applyFont="1" applyFill="1" applyBorder="1" applyAlignment="1">
      <alignment horizontal="left" wrapText="1"/>
    </xf>
    <xf numFmtId="9" fontId="95" fillId="33" borderId="29" xfId="264" applyNumberFormat="1" applyFont="1" applyFill="1" applyBorder="1" applyAlignment="1">
      <alignment horizontal="center" wrapText="1"/>
    </xf>
    <xf numFmtId="0" fontId="93" fillId="0" borderId="0" xfId="264" applyFont="1" applyAlignment="1"/>
    <xf numFmtId="0" fontId="95" fillId="0" borderId="0" xfId="264" applyFont="1" applyFill="1" applyBorder="1" applyAlignment="1"/>
    <xf numFmtId="174" fontId="93" fillId="0" borderId="0" xfId="560" applyNumberFormat="1" applyFont="1"/>
    <xf numFmtId="0" fontId="93" fillId="0" borderId="23" xfId="264" applyFont="1" applyFill="1" applyBorder="1" applyAlignment="1">
      <alignment horizontal="center"/>
    </xf>
    <xf numFmtId="3" fontId="93" fillId="0" borderId="23" xfId="264" applyNumberFormat="1" applyFont="1" applyFill="1" applyBorder="1"/>
    <xf numFmtId="0" fontId="93" fillId="0" borderId="0" xfId="264" applyFont="1" applyFill="1" applyAlignment="1">
      <alignment horizontal="right"/>
    </xf>
    <xf numFmtId="0" fontId="77" fillId="0" borderId="23" xfId="0" applyFont="1" applyBorder="1"/>
    <xf numFmtId="0" fontId="95" fillId="33" borderId="29" xfId="0" applyFont="1" applyFill="1" applyBorder="1" applyAlignment="1">
      <alignment horizontal="center" vertical="center" wrapText="1"/>
    </xf>
    <xf numFmtId="3" fontId="77" fillId="0" borderId="0" xfId="0" applyNumberFormat="1" applyFont="1"/>
    <xf numFmtId="3" fontId="77" fillId="0" borderId="23" xfId="0" applyNumberFormat="1" applyFont="1" applyBorder="1"/>
    <xf numFmtId="0" fontId="76" fillId="0" borderId="23" xfId="0" applyFont="1" applyBorder="1"/>
    <xf numFmtId="3" fontId="76" fillId="0" borderId="23" xfId="0" applyNumberFormat="1" applyFont="1" applyBorder="1"/>
    <xf numFmtId="0" fontId="95" fillId="33" borderId="28" xfId="0" applyFont="1" applyFill="1" applyBorder="1" applyAlignment="1">
      <alignment horizontal="center" vertical="center" wrapText="1"/>
    </xf>
    <xf numFmtId="0" fontId="95" fillId="33" borderId="0" xfId="0" applyFont="1" applyFill="1" applyBorder="1" applyAlignment="1">
      <alignment horizontal="left" vertical="center" wrapText="1"/>
    </xf>
    <xf numFmtId="3" fontId="93" fillId="0" borderId="23" xfId="0" applyNumberFormat="1" applyFont="1" applyFill="1" applyBorder="1" applyAlignment="1">
      <alignment wrapText="1"/>
    </xf>
    <xf numFmtId="0" fontId="95" fillId="0" borderId="23" xfId="264" applyFont="1" applyBorder="1"/>
    <xf numFmtId="0" fontId="97" fillId="0" borderId="23" xfId="264" applyFont="1" applyBorder="1"/>
    <xf numFmtId="0" fontId="97" fillId="0" borderId="23" xfId="264" applyFont="1" applyFill="1" applyBorder="1"/>
    <xf numFmtId="0" fontId="95" fillId="33" borderId="0" xfId="0" applyFont="1" applyFill="1" applyBorder="1"/>
    <xf numFmtId="0" fontId="95" fillId="33" borderId="29" xfId="0" applyFont="1" applyFill="1" applyBorder="1"/>
    <xf numFmtId="1" fontId="93" fillId="0" borderId="0" xfId="0" applyNumberFormat="1" applyFont="1" applyFill="1" applyBorder="1" applyAlignment="1">
      <alignment wrapText="1"/>
    </xf>
    <xf numFmtId="1" fontId="93" fillId="0" borderId="0" xfId="0" applyNumberFormat="1" applyFont="1" applyFill="1"/>
    <xf numFmtId="0" fontId="106" fillId="0" borderId="0" xfId="0" applyFont="1" applyFill="1" applyBorder="1" applyAlignment="1">
      <alignment wrapText="1"/>
    </xf>
    <xf numFmtId="0" fontId="106" fillId="0" borderId="23" xfId="0" applyFont="1" applyFill="1" applyBorder="1" applyAlignment="1">
      <alignment wrapText="1"/>
    </xf>
    <xf numFmtId="1" fontId="93" fillId="0" borderId="23" xfId="0" applyNumberFormat="1" applyFont="1" applyFill="1" applyBorder="1" applyAlignment="1">
      <alignment wrapText="1"/>
    </xf>
    <xf numFmtId="0" fontId="76" fillId="0" borderId="0" xfId="264" applyFont="1" applyFill="1" applyBorder="1" applyAlignment="1">
      <alignment horizontal="left"/>
    </xf>
    <xf numFmtId="0" fontId="80" fillId="0" borderId="0" xfId="546" applyFont="1" applyAlignment="1">
      <alignment horizontal="center"/>
    </xf>
    <xf numFmtId="0" fontId="80" fillId="0" borderId="0" xfId="546" applyFont="1"/>
    <xf numFmtId="0" fontId="76" fillId="0" borderId="0" xfId="264" applyFont="1" applyFill="1"/>
    <xf numFmtId="14" fontId="81" fillId="0" borderId="0" xfId="264" applyNumberFormat="1" applyFont="1" applyFill="1" applyBorder="1"/>
    <xf numFmtId="0" fontId="76" fillId="33" borderId="24" xfId="546" applyFont="1" applyFill="1" applyBorder="1"/>
    <xf numFmtId="177" fontId="76" fillId="33" borderId="25" xfId="546" applyNumberFormat="1" applyFont="1" applyFill="1" applyBorder="1" applyAlignment="1">
      <alignment horizontal="left"/>
    </xf>
    <xf numFmtId="177" fontId="76" fillId="33" borderId="12" xfId="546" applyNumberFormat="1" applyFont="1" applyFill="1" applyBorder="1" applyAlignment="1">
      <alignment horizontal="left"/>
    </xf>
    <xf numFmtId="177" fontId="76" fillId="33" borderId="29" xfId="546" applyNumberFormat="1" applyFont="1" applyFill="1" applyBorder="1" applyAlignment="1">
      <alignment horizontal="left"/>
    </xf>
    <xf numFmtId="177" fontId="76" fillId="33" borderId="31" xfId="546" applyNumberFormat="1" applyFont="1" applyFill="1" applyBorder="1" applyAlignment="1">
      <alignment horizontal="left"/>
    </xf>
    <xf numFmtId="177" fontId="76" fillId="33" borderId="15" xfId="546" applyNumberFormat="1" applyFont="1" applyFill="1" applyBorder="1" applyAlignment="1">
      <alignment horizontal="left"/>
    </xf>
    <xf numFmtId="3" fontId="95" fillId="0" borderId="0" xfId="0" applyNumberFormat="1" applyFont="1" applyFill="1" applyAlignment="1">
      <alignment horizontal="center"/>
    </xf>
    <xf numFmtId="0" fontId="95" fillId="0" borderId="0" xfId="0" applyFont="1" applyFill="1" applyAlignment="1">
      <alignment horizontal="center"/>
    </xf>
    <xf numFmtId="3" fontId="95" fillId="0" borderId="23" xfId="0" applyNumberFormat="1" applyFont="1" applyFill="1" applyBorder="1" applyAlignment="1">
      <alignment wrapText="1"/>
    </xf>
    <xf numFmtId="3" fontId="93" fillId="0" borderId="23" xfId="0" applyNumberFormat="1" applyFont="1" applyFill="1" applyBorder="1"/>
    <xf numFmtId="0" fontId="93" fillId="0" borderId="0" xfId="0" applyFont="1" applyFill="1" applyAlignment="1">
      <alignment horizontal="center"/>
    </xf>
    <xf numFmtId="0" fontId="95" fillId="0" borderId="28" xfId="0" applyFont="1" applyFill="1" applyBorder="1" applyAlignment="1">
      <alignment wrapText="1"/>
    </xf>
    <xf numFmtId="3" fontId="95" fillId="0" borderId="28" xfId="0" applyNumberFormat="1" applyFont="1" applyFill="1" applyBorder="1" applyAlignment="1">
      <alignment wrapText="1"/>
    </xf>
    <xf numFmtId="212" fontId="93" fillId="0" borderId="0" xfId="563" applyNumberFormat="1" applyFont="1" applyFill="1" applyBorder="1" applyAlignment="1">
      <alignment wrapText="1"/>
    </xf>
    <xf numFmtId="212" fontId="93" fillId="0" borderId="0" xfId="563" applyNumberFormat="1" applyFont="1" applyFill="1" applyBorder="1" applyAlignment="1">
      <alignment horizontal="right" wrapText="1"/>
    </xf>
    <xf numFmtId="174" fontId="93" fillId="0" borderId="0" xfId="563" applyNumberFormat="1" applyFont="1" applyFill="1" applyBorder="1" applyAlignment="1">
      <alignment wrapText="1"/>
    </xf>
    <xf numFmtId="174" fontId="93" fillId="0" borderId="23" xfId="563" applyNumberFormat="1" applyFont="1" applyFill="1" applyBorder="1" applyAlignment="1">
      <alignment wrapText="1"/>
    </xf>
    <xf numFmtId="212" fontId="95" fillId="0" borderId="0" xfId="563" applyNumberFormat="1" applyFont="1" applyFill="1" applyBorder="1" applyAlignment="1">
      <alignment wrapText="1"/>
    </xf>
    <xf numFmtId="171" fontId="93" fillId="0" borderId="0" xfId="160" applyFont="1"/>
    <xf numFmtId="224" fontId="93" fillId="0" borderId="0" xfId="160" applyNumberFormat="1" applyFont="1"/>
    <xf numFmtId="3" fontId="93" fillId="36" borderId="0" xfId="264" applyNumberFormat="1" applyFont="1" applyFill="1" applyBorder="1" applyAlignment="1">
      <alignment wrapText="1"/>
    </xf>
    <xf numFmtId="3" fontId="93" fillId="0" borderId="23" xfId="0" applyNumberFormat="1" applyFont="1" applyFill="1" applyBorder="1" applyAlignment="1">
      <alignment vertical="top" wrapText="1"/>
    </xf>
    <xf numFmtId="226" fontId="77" fillId="0" borderId="23" xfId="0" applyNumberFormat="1" applyFont="1" applyFill="1" applyBorder="1"/>
    <xf numFmtId="3" fontId="82" fillId="0" borderId="0" xfId="254" applyNumberFormat="1" applyFont="1" applyFill="1"/>
    <xf numFmtId="0" fontId="84" fillId="0" borderId="0" xfId="262" applyFont="1"/>
    <xf numFmtId="0" fontId="84" fillId="0" borderId="0" xfId="262" applyFont="1" applyFill="1"/>
    <xf numFmtId="0" fontId="95" fillId="0" borderId="0" xfId="262" applyFont="1"/>
    <xf numFmtId="193" fontId="93" fillId="0" borderId="0" xfId="563" applyNumberFormat="1" applyFont="1" applyFill="1" applyBorder="1" applyAlignment="1">
      <alignment wrapText="1"/>
    </xf>
    <xf numFmtId="193" fontId="93" fillId="0" borderId="0" xfId="563" applyNumberFormat="1" applyFont="1" applyFill="1" applyBorder="1" applyAlignment="1">
      <alignment horizontal="right" wrapText="1"/>
    </xf>
    <xf numFmtId="193" fontId="93" fillId="0" borderId="23" xfId="563" applyNumberFormat="1" applyFont="1" applyFill="1" applyBorder="1" applyAlignment="1">
      <alignment wrapText="1"/>
    </xf>
    <xf numFmtId="193" fontId="95" fillId="0" borderId="0" xfId="563" applyNumberFormat="1" applyFont="1" applyFill="1" applyBorder="1" applyAlignment="1">
      <alignment wrapText="1"/>
    </xf>
    <xf numFmtId="3" fontId="95" fillId="0" borderId="0" xfId="264" applyNumberFormat="1" applyFont="1" applyFill="1"/>
    <xf numFmtId="193" fontId="93" fillId="0" borderId="23" xfId="563" applyNumberFormat="1" applyFont="1" applyFill="1" applyBorder="1"/>
    <xf numFmtId="3" fontId="93" fillId="0" borderId="0" xfId="560" applyNumberFormat="1" applyFont="1"/>
    <xf numFmtId="3" fontId="93" fillId="0" borderId="0" xfId="264" applyNumberFormat="1" applyFont="1" applyFill="1" applyAlignment="1">
      <alignment horizontal="right"/>
    </xf>
    <xf numFmtId="193" fontId="93" fillId="0" borderId="23" xfId="563" applyNumberFormat="1" applyFont="1" applyFill="1" applyBorder="1" applyAlignment="1">
      <alignment horizontal="right" wrapText="1"/>
    </xf>
    <xf numFmtId="193" fontId="95" fillId="0" borderId="0" xfId="563" applyNumberFormat="1" applyFont="1" applyFill="1" applyBorder="1" applyAlignment="1">
      <alignment horizontal="right" wrapText="1"/>
    </xf>
    <xf numFmtId="3" fontId="82" fillId="0" borderId="0" xfId="254" applyNumberFormat="1" applyFont="1"/>
    <xf numFmtId="3" fontId="93" fillId="0" borderId="0" xfId="264" quotePrefix="1" applyNumberFormat="1" applyFont="1" applyFill="1"/>
    <xf numFmtId="3" fontId="95" fillId="33" borderId="29" xfId="264" applyNumberFormat="1" applyFont="1" applyFill="1" applyBorder="1" applyAlignment="1">
      <alignment horizontal="center" vertical="center" wrapText="1"/>
    </xf>
    <xf numFmtId="3" fontId="85" fillId="0" borderId="23" xfId="0" applyNumberFormat="1" applyFont="1" applyFill="1" applyBorder="1" applyAlignment="1">
      <alignment wrapText="1"/>
    </xf>
    <xf numFmtId="0" fontId="77" fillId="0" borderId="0" xfId="262" applyFont="1"/>
    <xf numFmtId="193" fontId="77" fillId="0" borderId="0" xfId="560" applyNumberFormat="1" applyFont="1" applyFill="1" applyBorder="1" applyAlignment="1">
      <alignment horizontal="right"/>
    </xf>
    <xf numFmtId="193" fontId="95" fillId="0" borderId="28" xfId="264" applyNumberFormat="1" applyFont="1" applyFill="1" applyBorder="1" applyAlignment="1">
      <alignment horizontal="right" wrapText="1"/>
    </xf>
    <xf numFmtId="193" fontId="77" fillId="0" borderId="23" xfId="560" applyNumberFormat="1" applyFont="1" applyFill="1" applyBorder="1" applyAlignment="1">
      <alignment horizontal="right"/>
    </xf>
    <xf numFmtId="193" fontId="76" fillId="0" borderId="0" xfId="560" applyNumberFormat="1" applyFont="1" applyFill="1" applyBorder="1" applyAlignment="1">
      <alignment horizontal="right"/>
    </xf>
    <xf numFmtId="193" fontId="93" fillId="0" borderId="0" xfId="563" applyNumberFormat="1" applyFont="1" applyFill="1"/>
    <xf numFmtId="193" fontId="93" fillId="0" borderId="0" xfId="563" applyNumberFormat="1" applyFont="1" applyFill="1" applyBorder="1"/>
    <xf numFmtId="0" fontId="77" fillId="0" borderId="27" xfId="0" applyFont="1" applyFill="1" applyBorder="1"/>
    <xf numFmtId="3" fontId="77" fillId="0" borderId="17" xfId="0" applyNumberFormat="1" applyFont="1" applyFill="1" applyBorder="1"/>
    <xf numFmtId="0" fontId="77" fillId="0" borderId="17" xfId="0" applyFont="1" applyFill="1" applyBorder="1"/>
    <xf numFmtId="0" fontId="76" fillId="0" borderId="12" xfId="0" applyFont="1" applyFill="1" applyBorder="1"/>
    <xf numFmtId="3" fontId="76" fillId="0" borderId="31" xfId="0" applyNumberFormat="1" applyFont="1" applyFill="1" applyBorder="1"/>
    <xf numFmtId="0" fontId="76" fillId="0" borderId="24" xfId="0" applyFont="1" applyFill="1" applyBorder="1"/>
    <xf numFmtId="0" fontId="76" fillId="0" borderId="32" xfId="0" applyFont="1" applyFill="1" applyBorder="1"/>
    <xf numFmtId="3" fontId="76" fillId="0" borderId="24" xfId="0" applyNumberFormat="1" applyFont="1" applyFill="1" applyBorder="1"/>
    <xf numFmtId="3" fontId="77" fillId="0" borderId="27" xfId="0" applyNumberFormat="1" applyFont="1" applyFill="1" applyBorder="1"/>
    <xf numFmtId="0" fontId="77" fillId="0" borderId="27" xfId="0" applyFont="1" applyFill="1" applyBorder="1" applyAlignment="1">
      <alignment wrapText="1"/>
    </xf>
    <xf numFmtId="0" fontId="76" fillId="0" borderId="27" xfId="0" applyFont="1" applyFill="1" applyBorder="1"/>
    <xf numFmtId="3" fontId="76" fillId="0" borderId="0" xfId="0" applyNumberFormat="1" applyFont="1" applyFill="1" applyBorder="1"/>
    <xf numFmtId="3" fontId="76" fillId="0" borderId="17" xfId="0" applyNumberFormat="1" applyFont="1" applyFill="1" applyBorder="1"/>
    <xf numFmtId="3" fontId="76" fillId="0" borderId="27" xfId="0" applyNumberFormat="1" applyFont="1" applyFill="1" applyBorder="1"/>
    <xf numFmtId="0" fontId="80" fillId="0" borderId="0" xfId="546" applyFont="1" applyFill="1"/>
    <xf numFmtId="0" fontId="77" fillId="0" borderId="27" xfId="546" applyFont="1" applyFill="1" applyBorder="1"/>
    <xf numFmtId="0" fontId="77" fillId="0" borderId="0" xfId="546" applyFont="1" applyFill="1" applyBorder="1" applyAlignment="1">
      <alignment horizontal="center"/>
    </xf>
    <xf numFmtId="0" fontId="77" fillId="0" borderId="17" xfId="546" applyFont="1" applyFill="1" applyBorder="1" applyAlignment="1">
      <alignment horizontal="center"/>
    </xf>
    <xf numFmtId="0" fontId="77" fillId="0" borderId="26" xfId="546" applyFont="1" applyFill="1" applyBorder="1" applyAlignment="1">
      <alignment horizontal="center"/>
    </xf>
    <xf numFmtId="0" fontId="77" fillId="0" borderId="0" xfId="546" applyFont="1" applyFill="1" applyBorder="1"/>
    <xf numFmtId="0" fontId="77" fillId="0" borderId="25" xfId="546" applyFont="1" applyFill="1" applyBorder="1"/>
    <xf numFmtId="0" fontId="77" fillId="0" borderId="23" xfId="546" applyFont="1" applyFill="1" applyBorder="1"/>
    <xf numFmtId="212" fontId="76" fillId="0" borderId="0" xfId="560" applyNumberFormat="1" applyFont="1" applyFill="1" applyBorder="1" applyAlignment="1">
      <alignment horizontal="right"/>
    </xf>
    <xf numFmtId="224" fontId="93" fillId="0" borderId="0" xfId="160" applyNumberFormat="1" applyFont="1" applyFill="1" applyBorder="1" applyAlignment="1">
      <alignment horizontal="right" wrapText="1"/>
    </xf>
    <xf numFmtId="224" fontId="93" fillId="0" borderId="23" xfId="160" applyNumberFormat="1" applyFont="1" applyFill="1" applyBorder="1" applyAlignment="1">
      <alignment horizontal="right" wrapText="1"/>
    </xf>
    <xf numFmtId="224" fontId="95" fillId="0" borderId="0" xfId="160" applyNumberFormat="1" applyFont="1" applyFill="1" applyBorder="1" applyAlignment="1">
      <alignment horizontal="right" wrapText="1"/>
    </xf>
    <xf numFmtId="193" fontId="93" fillId="0" borderId="0" xfId="160" applyNumberFormat="1" applyFont="1" applyFill="1" applyBorder="1" applyAlignment="1">
      <alignment horizontal="right" wrapText="1"/>
    </xf>
    <xf numFmtId="193" fontId="93" fillId="0" borderId="23" xfId="160" applyNumberFormat="1" applyFont="1" applyFill="1" applyBorder="1" applyAlignment="1">
      <alignment horizontal="right" wrapText="1"/>
    </xf>
    <xf numFmtId="193" fontId="95" fillId="0" borderId="0" xfId="160" applyNumberFormat="1" applyFont="1" applyFill="1" applyBorder="1" applyAlignment="1">
      <alignment horizontal="right" wrapText="1"/>
    </xf>
    <xf numFmtId="3" fontId="91" fillId="0" borderId="0" xfId="0" applyNumberFormat="1" applyFont="1" applyFill="1"/>
    <xf numFmtId="0" fontId="93" fillId="0" borderId="0" xfId="0" applyFont="1" applyFill="1" applyAlignment="1">
      <alignment horizontal="center"/>
    </xf>
    <xf numFmtId="0" fontId="93" fillId="0" borderId="0" xfId="0" applyFont="1" applyFill="1" applyAlignment="1">
      <alignment vertical="center" wrapText="1"/>
    </xf>
    <xf numFmtId="1" fontId="95" fillId="0" borderId="0" xfId="0" applyNumberFormat="1" applyFont="1" applyFill="1" applyBorder="1" applyAlignment="1">
      <alignment wrapText="1"/>
    </xf>
    <xf numFmtId="0" fontId="77" fillId="0" borderId="23" xfId="0" applyFont="1" applyFill="1" applyBorder="1"/>
    <xf numFmtId="0" fontId="99" fillId="0" borderId="23" xfId="0" applyFont="1" applyBorder="1"/>
    <xf numFmtId="0" fontId="79" fillId="33" borderId="28" xfId="0" applyFont="1" applyFill="1" applyBorder="1" applyAlignment="1">
      <alignment horizontal="center" vertical="center" wrapText="1" readingOrder="1"/>
    </xf>
    <xf numFmtId="14" fontId="79" fillId="33" borderId="23" xfId="0" quotePrefix="1" applyNumberFormat="1" applyFont="1" applyFill="1" applyBorder="1" applyAlignment="1">
      <alignment horizontal="center" vertical="center" wrapText="1" readingOrder="1"/>
    </xf>
    <xf numFmtId="49" fontId="76" fillId="33" borderId="23" xfId="0" applyNumberFormat="1" applyFont="1" applyFill="1" applyBorder="1" applyAlignment="1">
      <alignment horizontal="center"/>
    </xf>
    <xf numFmtId="49" fontId="76" fillId="33" borderId="28" xfId="0" applyNumberFormat="1" applyFont="1" applyFill="1" applyBorder="1" applyAlignment="1">
      <alignment horizontal="left"/>
    </xf>
    <xf numFmtId="49" fontId="76" fillId="33" borderId="28" xfId="0" applyNumberFormat="1" applyFont="1" applyFill="1" applyBorder="1" applyAlignment="1">
      <alignment horizontal="center"/>
    </xf>
    <xf numFmtId="0" fontId="77" fillId="0" borderId="0" xfId="0" applyFont="1" applyBorder="1" applyAlignment="1">
      <alignment wrapText="1"/>
    </xf>
    <xf numFmtId="3" fontId="77" fillId="0" borderId="0" xfId="0" applyNumberFormat="1" applyFont="1" applyBorder="1"/>
    <xf numFmtId="49" fontId="76" fillId="33" borderId="23" xfId="0" applyNumberFormat="1" applyFont="1" applyFill="1" applyBorder="1" applyAlignment="1">
      <alignment horizontal="left"/>
    </xf>
    <xf numFmtId="0" fontId="102" fillId="0" borderId="0" xfId="0" applyFont="1" applyFill="1" applyAlignment="1">
      <alignment vertical="center" wrapText="1"/>
    </xf>
    <xf numFmtId="0" fontId="102" fillId="0" borderId="0" xfId="0" applyFont="1" applyFill="1" applyAlignment="1">
      <alignment horizontal="left" vertical="center" wrapText="1"/>
    </xf>
    <xf numFmtId="0" fontId="93" fillId="0" borderId="0" xfId="0" applyFont="1" applyFill="1" applyAlignment="1">
      <alignment horizontal="left"/>
    </xf>
    <xf numFmtId="0" fontId="102" fillId="0" borderId="0" xfId="264" applyFont="1" applyFill="1" applyBorder="1" applyAlignment="1">
      <alignment wrapText="1"/>
    </xf>
    <xf numFmtId="0" fontId="76" fillId="33" borderId="28" xfId="0" applyFont="1" applyFill="1" applyBorder="1" applyAlignment="1">
      <alignment horizontal="left"/>
    </xf>
    <xf numFmtId="0" fontId="76" fillId="33" borderId="23" xfId="0" applyFont="1" applyFill="1" applyBorder="1" applyAlignment="1">
      <alignment horizontal="left"/>
    </xf>
    <xf numFmtId="0" fontId="95" fillId="33" borderId="0" xfId="254" applyFont="1" applyFill="1" applyBorder="1" applyAlignment="1">
      <alignment horizontal="center" vertical="center" wrapText="1"/>
    </xf>
    <xf numFmtId="0" fontId="95" fillId="33" borderId="28" xfId="0" applyFont="1" applyFill="1" applyBorder="1" applyAlignment="1">
      <alignment horizontal="left" wrapText="1"/>
    </xf>
    <xf numFmtId="0" fontId="95" fillId="33" borderId="23" xfId="0" applyFont="1" applyFill="1" applyBorder="1" applyAlignment="1">
      <alignment horizontal="left" wrapText="1"/>
    </xf>
    <xf numFmtId="0" fontId="95" fillId="33" borderId="28" xfId="0" applyFont="1" applyFill="1" applyBorder="1" applyAlignment="1">
      <alignment horizontal="center" vertical="center" wrapText="1"/>
    </xf>
    <xf numFmtId="0" fontId="95" fillId="33" borderId="28" xfId="264" applyFont="1" applyFill="1" applyBorder="1" applyAlignment="1">
      <alignment horizontal="center" vertical="center" wrapText="1"/>
    </xf>
    <xf numFmtId="0" fontId="95" fillId="33" borderId="33" xfId="264" applyFont="1" applyFill="1" applyBorder="1" applyAlignment="1">
      <alignment horizontal="center" vertical="center" wrapText="1"/>
    </xf>
    <xf numFmtId="0" fontId="102" fillId="0" borderId="0" xfId="0" applyFont="1" applyFill="1" applyAlignment="1">
      <alignment vertical="center" wrapText="1"/>
    </xf>
    <xf numFmtId="0" fontId="95" fillId="33" borderId="23" xfId="264" applyFont="1" applyFill="1" applyBorder="1" applyAlignment="1">
      <alignment horizontal="center" vertical="center" wrapText="1"/>
    </xf>
    <xf numFmtId="0" fontId="102" fillId="0" borderId="0" xfId="0" applyFont="1" applyFill="1" applyAlignment="1">
      <alignment horizontal="left" vertical="center" wrapText="1"/>
    </xf>
    <xf numFmtId="0" fontId="95" fillId="33" borderId="29" xfId="0" applyFont="1" applyFill="1" applyBorder="1" applyAlignment="1">
      <alignment horizontal="center" wrapText="1"/>
    </xf>
    <xf numFmtId="0" fontId="77" fillId="33" borderId="29" xfId="0" applyFont="1" applyFill="1" applyBorder="1" applyAlignment="1">
      <alignment horizontal="center" wrapText="1"/>
    </xf>
    <xf numFmtId="0" fontId="77" fillId="33" borderId="23" xfId="0" applyFont="1" applyFill="1" applyBorder="1" applyAlignment="1">
      <alignment vertical="center"/>
    </xf>
    <xf numFmtId="0" fontId="95" fillId="33" borderId="0" xfId="0" quotePrefix="1" applyFont="1" applyFill="1" applyBorder="1" applyAlignment="1">
      <alignment horizontal="center"/>
    </xf>
    <xf numFmtId="0" fontId="95" fillId="33" borderId="28" xfId="0" applyFont="1" applyFill="1" applyBorder="1" applyAlignment="1">
      <alignment horizontal="center"/>
    </xf>
    <xf numFmtId="9" fontId="95" fillId="33" borderId="29" xfId="0" applyNumberFormat="1" applyFont="1" applyFill="1" applyBorder="1" applyAlignment="1">
      <alignment horizontal="center" vertical="center" wrapText="1"/>
    </xf>
    <xf numFmtId="9" fontId="95" fillId="33" borderId="0" xfId="0" applyNumberFormat="1" applyFont="1" applyFill="1" applyBorder="1" applyAlignment="1">
      <alignment horizontal="center" vertical="center" wrapText="1"/>
    </xf>
    <xf numFmtId="9" fontId="95" fillId="33" borderId="23" xfId="0" applyNumberFormat="1" applyFont="1" applyFill="1" applyBorder="1" applyAlignment="1">
      <alignment horizontal="center" vertical="center" wrapText="1"/>
    </xf>
    <xf numFmtId="0" fontId="93" fillId="0" borderId="0" xfId="0" applyFont="1" applyFill="1" applyAlignment="1">
      <alignment horizontal="center"/>
    </xf>
    <xf numFmtId="0" fontId="95" fillId="33" borderId="23" xfId="0" applyFont="1" applyFill="1" applyBorder="1" applyAlignment="1">
      <alignment horizontal="center" vertical="center" wrapText="1"/>
    </xf>
    <xf numFmtId="0" fontId="95" fillId="33" borderId="0" xfId="0" applyFont="1" applyFill="1" applyBorder="1" applyAlignment="1">
      <alignment horizontal="center" vertical="center" wrapText="1"/>
    </xf>
    <xf numFmtId="9" fontId="95" fillId="33" borderId="0" xfId="0" applyNumberFormat="1" applyFont="1" applyFill="1" applyBorder="1" applyAlignment="1">
      <alignment horizontal="center" vertical="center"/>
    </xf>
    <xf numFmtId="9" fontId="95" fillId="33" borderId="23" xfId="0" applyNumberFormat="1" applyFont="1" applyFill="1" applyBorder="1" applyAlignment="1">
      <alignment horizontal="center" vertical="center"/>
    </xf>
    <xf numFmtId="0" fontId="76" fillId="33" borderId="28" xfId="0" quotePrefix="1" applyFont="1" applyFill="1" applyBorder="1" applyAlignment="1">
      <alignment horizontal="center"/>
    </xf>
    <xf numFmtId="0" fontId="77" fillId="33" borderId="32" xfId="0" applyFont="1" applyFill="1" applyBorder="1" applyAlignment="1">
      <alignment horizontal="center"/>
    </xf>
    <xf numFmtId="0" fontId="76" fillId="33" borderId="28" xfId="0" applyFont="1" applyFill="1" applyBorder="1" applyAlignment="1">
      <alignment horizontal="center"/>
    </xf>
    <xf numFmtId="0" fontId="76" fillId="33" borderId="24" xfId="0" applyFont="1" applyFill="1" applyBorder="1" applyAlignment="1">
      <alignment horizontal="center"/>
    </xf>
    <xf numFmtId="0" fontId="76" fillId="33" borderId="28" xfId="546" quotePrefix="1" applyNumberFormat="1" applyFont="1" applyFill="1" applyBorder="1" applyAlignment="1">
      <alignment horizontal="center" vertical="center"/>
    </xf>
    <xf numFmtId="0" fontId="76" fillId="33" borderId="23" xfId="546" quotePrefix="1" applyNumberFormat="1" applyFont="1" applyFill="1" applyBorder="1" applyAlignment="1">
      <alignment horizontal="center" vertical="center"/>
    </xf>
    <xf numFmtId="0" fontId="76" fillId="33" borderId="32" xfId="546" quotePrefix="1" applyNumberFormat="1" applyFont="1" applyFill="1" applyBorder="1" applyAlignment="1">
      <alignment horizontal="center" vertical="center"/>
    </xf>
    <xf numFmtId="0" fontId="76" fillId="33" borderId="26" xfId="546" quotePrefix="1" applyNumberFormat="1" applyFont="1" applyFill="1" applyBorder="1" applyAlignment="1">
      <alignment horizontal="center" vertical="center"/>
    </xf>
  </cellXfs>
  <cellStyles count="616">
    <cellStyle name="_Grafer till ÅR 2011_J Lundberg 130129" xfId="1"/>
    <cellStyle name="_Row3" xfId="2"/>
    <cellStyle name="_Securitisation_2011-12-31_V3" xfId="3"/>
    <cellStyle name="_Securitisation_2012-12-31" xfId="4"/>
    <cellStyle name="=C:\WINNT35\SYSTEM32\COMMAND.COM" xfId="5"/>
    <cellStyle name="20% - Accent1" xfId="6" builtinId="30" customBuiltin="1"/>
    <cellStyle name="20% - Accent1 2" xfId="7"/>
    <cellStyle name="20% - Accent1 2 2" xfId="8"/>
    <cellStyle name="20% - Accent1 3" xfId="9"/>
    <cellStyle name="20% - Accent2" xfId="10" builtinId="34" customBuiltin="1"/>
    <cellStyle name="20% - Accent2 2" xfId="11"/>
    <cellStyle name="20% - Accent2 2 2" xfId="12"/>
    <cellStyle name="20% - Accent2 3" xfId="13"/>
    <cellStyle name="20% - Accent3" xfId="14" builtinId="38" customBuiltin="1"/>
    <cellStyle name="20% - Accent3 2" xfId="15"/>
    <cellStyle name="20% - Accent3 2 2" xfId="16"/>
    <cellStyle name="20% - Accent3 3" xfId="17"/>
    <cellStyle name="20% - Accent4" xfId="18" builtinId="42" customBuiltin="1"/>
    <cellStyle name="20% - Accent4 2" xfId="19"/>
    <cellStyle name="20% - Accent4 2 2" xfId="20"/>
    <cellStyle name="20% - Accent4 3" xfId="21"/>
    <cellStyle name="20% - Accent5" xfId="22" builtinId="46" customBuiltin="1"/>
    <cellStyle name="20% - Accent5 2" xfId="23"/>
    <cellStyle name="20% - Accent5 2 2" xfId="24"/>
    <cellStyle name="20% - Accent5 3" xfId="25"/>
    <cellStyle name="20% - Accent6" xfId="26" builtinId="50" customBuiltin="1"/>
    <cellStyle name="20% - Accent6 2" xfId="27"/>
    <cellStyle name="20% - Accent6 2 2" xfId="28"/>
    <cellStyle name="20% - Accent6 3" xfId="29"/>
    <cellStyle name="20% - Dekorfärg1" xfId="30"/>
    <cellStyle name="20% - Dekorfärg1 2" xfId="31"/>
    <cellStyle name="20% - Dekorfärg2" xfId="32"/>
    <cellStyle name="20% - Dekorfärg2 2" xfId="33"/>
    <cellStyle name="20% - Dekorfärg3" xfId="34"/>
    <cellStyle name="20% - Dekorfärg3 2" xfId="35"/>
    <cellStyle name="20% - Dekorfärg4" xfId="36"/>
    <cellStyle name="20% - Dekorfärg4 2" xfId="37"/>
    <cellStyle name="20% - Dekorfärg5" xfId="38"/>
    <cellStyle name="20% - Dekorfärg6" xfId="39"/>
    <cellStyle name="20% - Dekorfärg6 2" xfId="40"/>
    <cellStyle name="40% - Accent1" xfId="41" builtinId="31" customBuiltin="1"/>
    <cellStyle name="40% - Accent1 2" xfId="42"/>
    <cellStyle name="40% - Accent1 2 2" xfId="43"/>
    <cellStyle name="40% - Accent1 3" xfId="44"/>
    <cellStyle name="40% - Accent2" xfId="45" builtinId="35" customBuiltin="1"/>
    <cellStyle name="40% - Accent2 2" xfId="46"/>
    <cellStyle name="40% - Accent2 2 2" xfId="47"/>
    <cellStyle name="40% - Accent2 3" xfId="48"/>
    <cellStyle name="40% - Accent3" xfId="49" builtinId="39" customBuiltin="1"/>
    <cellStyle name="40% - Accent3 2" xfId="50"/>
    <cellStyle name="40% - Accent3 2 2" xfId="51"/>
    <cellStyle name="40% - Accent3 3" xfId="52"/>
    <cellStyle name="40% - Accent4" xfId="53" builtinId="43" customBuiltin="1"/>
    <cellStyle name="40% - Accent4 2" xfId="54"/>
    <cellStyle name="40% - Accent4 2 2" xfId="55"/>
    <cellStyle name="40% - Accent4 3" xfId="56"/>
    <cellStyle name="40% - Accent5" xfId="57" builtinId="47" customBuiltin="1"/>
    <cellStyle name="40% - Accent5 2" xfId="58"/>
    <cellStyle name="40% - Accent5 2 2" xfId="59"/>
    <cellStyle name="40% - Accent5 3" xfId="60"/>
    <cellStyle name="40% - Accent6" xfId="61" builtinId="51" customBuiltin="1"/>
    <cellStyle name="40% - Accent6 2" xfId="62"/>
    <cellStyle name="40% - Accent6 2 2" xfId="63"/>
    <cellStyle name="40% - Accent6 3" xfId="64"/>
    <cellStyle name="40% - Dekorfärg1" xfId="65"/>
    <cellStyle name="40% - Dekorfärg1 2" xfId="66"/>
    <cellStyle name="40% - Dekorfärg2" xfId="67"/>
    <cellStyle name="40% - Dekorfärg3" xfId="68"/>
    <cellStyle name="40% - Dekorfärg3 2" xfId="69"/>
    <cellStyle name="40% - Dekorfärg4" xfId="70"/>
    <cellStyle name="40% - Dekorfärg4 2" xfId="71"/>
    <cellStyle name="40% - Dekorfärg5" xfId="72"/>
    <cellStyle name="40% - Dekorfärg5 2" xfId="73"/>
    <cellStyle name="40% - Dekorfärg6" xfId="74"/>
    <cellStyle name="40% - Dekorfärg6 2" xfId="75"/>
    <cellStyle name="60% - Accent1" xfId="76" builtinId="32" customBuiltin="1"/>
    <cellStyle name="60% - Accent1 2" xfId="77"/>
    <cellStyle name="60% - Accent1 2 2" xfId="78"/>
    <cellStyle name="60% - Accent1 3" xfId="79"/>
    <cellStyle name="60% - Accent2" xfId="80" builtinId="36" customBuiltin="1"/>
    <cellStyle name="60% - Accent2 2" xfId="81"/>
    <cellStyle name="60% - Accent2 2 2" xfId="82"/>
    <cellStyle name="60% - Accent2 3" xfId="83"/>
    <cellStyle name="60% - Accent3" xfId="84" builtinId="40" customBuiltin="1"/>
    <cellStyle name="60% - Accent3 2" xfId="85"/>
    <cellStyle name="60% - Accent3 2 2" xfId="86"/>
    <cellStyle name="60% - Accent3 3" xfId="87"/>
    <cellStyle name="60% - Accent4" xfId="88" builtinId="44" customBuiltin="1"/>
    <cellStyle name="60% - Accent4 2" xfId="89"/>
    <cellStyle name="60% - Accent4 2 2" xfId="90"/>
    <cellStyle name="60% - Accent4 3" xfId="91"/>
    <cellStyle name="60% - Accent5" xfId="92" builtinId="48" customBuiltin="1"/>
    <cellStyle name="60% - Accent5 2" xfId="93"/>
    <cellStyle name="60% - Accent5 2 2" xfId="94"/>
    <cellStyle name="60% - Accent5 3" xfId="95"/>
    <cellStyle name="60% - Accent6" xfId="96" builtinId="52" customBuiltin="1"/>
    <cellStyle name="60% - Accent6 2" xfId="97"/>
    <cellStyle name="60% - Accent6 2 2" xfId="98"/>
    <cellStyle name="60% - Accent6 3" xfId="99"/>
    <cellStyle name="60% - Dekorfärg1" xfId="100"/>
    <cellStyle name="60% - Dekorfärg1 2" xfId="101"/>
    <cellStyle name="60% - Dekorfärg2" xfId="102"/>
    <cellStyle name="60% - Dekorfärg2 2" xfId="103"/>
    <cellStyle name="60% - Dekorfärg3" xfId="104"/>
    <cellStyle name="60% - Dekorfärg3 2" xfId="105"/>
    <cellStyle name="60% - Dekorfärg4" xfId="106"/>
    <cellStyle name="60% - Dekorfärg4 2" xfId="107"/>
    <cellStyle name="60% - Dekorfärg5" xfId="108"/>
    <cellStyle name="60% - Dekorfärg5 2" xfId="109"/>
    <cellStyle name="60% - Dekorfärg6" xfId="110"/>
    <cellStyle name="60% - Dekorfärg6 2" xfId="111"/>
    <cellStyle name="Accent1" xfId="112" builtinId="29" customBuiltin="1"/>
    <cellStyle name="Accent1 2" xfId="113"/>
    <cellStyle name="Accent1 2 2" xfId="114"/>
    <cellStyle name="Accent1 3" xfId="115"/>
    <cellStyle name="Accent2" xfId="116" builtinId="33" customBuiltin="1"/>
    <cellStyle name="Accent2 2" xfId="117"/>
    <cellStyle name="Accent2 2 2" xfId="118"/>
    <cellStyle name="Accent2 3" xfId="119"/>
    <cellStyle name="Accent3" xfId="120" builtinId="37" customBuiltin="1"/>
    <cellStyle name="Accent3 2" xfId="121"/>
    <cellStyle name="Accent3 2 2" xfId="122"/>
    <cellStyle name="Accent3 3" xfId="123"/>
    <cellStyle name="Accent4" xfId="124" builtinId="41" customBuiltin="1"/>
    <cellStyle name="Accent4 2" xfId="125"/>
    <cellStyle name="Accent4 2 2" xfId="126"/>
    <cellStyle name="Accent4 3" xfId="127"/>
    <cellStyle name="Accent5" xfId="128" builtinId="45" customBuiltin="1"/>
    <cellStyle name="Accent5 2" xfId="129"/>
    <cellStyle name="Accent5 2 2" xfId="130"/>
    <cellStyle name="Accent5 3" xfId="131"/>
    <cellStyle name="Accent6" xfId="132" builtinId="49" customBuiltin="1"/>
    <cellStyle name="Accent6 2" xfId="133"/>
    <cellStyle name="Accent6 2 2" xfId="134"/>
    <cellStyle name="Accent6 3" xfId="135"/>
    <cellStyle name="Anteckning" xfId="136"/>
    <cellStyle name="Anteckning 2" xfId="137"/>
    <cellStyle name="Anteckning 3" xfId="138"/>
    <cellStyle name="Anteckning 3 2" xfId="139"/>
    <cellStyle name="Anteckning 4" xfId="140"/>
    <cellStyle name="Anteckning 5" xfId="141"/>
    <cellStyle name="Bad" xfId="142" builtinId="27" customBuiltin="1"/>
    <cellStyle name="Bad 2" xfId="143"/>
    <cellStyle name="Bad 2 2" xfId="144"/>
    <cellStyle name="Bad 3" xfId="145"/>
    <cellStyle name="baseStyle" xfId="146"/>
    <cellStyle name="Beräkning" xfId="147"/>
    <cellStyle name="Beräkning 2" xfId="148"/>
    <cellStyle name="Bra" xfId="149"/>
    <cellStyle name="Bra 2" xfId="150"/>
    <cellStyle name="Calculation" xfId="151" builtinId="22" customBuiltin="1"/>
    <cellStyle name="Calculation 2" xfId="152"/>
    <cellStyle name="Calculation 2 2" xfId="153"/>
    <cellStyle name="Calculation 3" xfId="154"/>
    <cellStyle name="Check Cell" xfId="155" builtinId="23" customBuiltin="1"/>
    <cellStyle name="Check Cell 2" xfId="156"/>
    <cellStyle name="Check Cell 2 2" xfId="157"/>
    <cellStyle name="Check Cell 3" xfId="158"/>
    <cellStyle name="columnHeader" xfId="159"/>
    <cellStyle name="Comma" xfId="160" builtinId="3"/>
    <cellStyle name="Comma 2" xfId="161"/>
    <cellStyle name="Comma 2 2" xfId="162"/>
    <cellStyle name="Comma 2 2 2" xfId="163"/>
    <cellStyle name="Comma 2 2 2 2" xfId="164"/>
    <cellStyle name="Comma 2 2 3" xfId="165"/>
    <cellStyle name="Comma 2 3" xfId="166"/>
    <cellStyle name="Comma 2 3 2" xfId="167"/>
    <cellStyle name="Comma 2 3 3" xfId="168"/>
    <cellStyle name="Comma 2 4" xfId="169"/>
    <cellStyle name="Comma 2 5" xfId="170"/>
    <cellStyle name="Comma 3" xfId="171"/>
    <cellStyle name="Comma 3 2" xfId="172"/>
    <cellStyle name="Comma 3 2 2" xfId="173"/>
    <cellStyle name="Comma 4" xfId="174"/>
    <cellStyle name="Comma 4 2" xfId="175"/>
    <cellStyle name="Comma 4 3" xfId="176"/>
    <cellStyle name="Comma 5" xfId="177"/>
    <cellStyle name="Comma 5 2" xfId="178"/>
    <cellStyle name="Comma 6" xfId="179"/>
    <cellStyle name="Comma 6 2" xfId="180"/>
    <cellStyle name="Comma 7" xfId="181"/>
    <cellStyle name="Comma 7 2" xfId="182"/>
    <cellStyle name="Comma 8" xfId="183"/>
    <cellStyle name="Dålig" xfId="184"/>
    <cellStyle name="Dålig 2" xfId="185"/>
    <cellStyle name="Euro" xfId="186"/>
    <cellStyle name="Euro 2" xfId="187"/>
    <cellStyle name="Euro 3" xfId="188"/>
    <cellStyle name="Euro 3 2" xfId="189"/>
    <cellStyle name="Euro 4" xfId="190"/>
    <cellStyle name="Euro 5" xfId="191"/>
    <cellStyle name="Explanatory Text" xfId="192" builtinId="53" customBuiltin="1"/>
    <cellStyle name="Explanatory Text 2" xfId="193"/>
    <cellStyle name="Explanatory Text 2 2" xfId="194"/>
    <cellStyle name="Explanatory Text 3" xfId="195"/>
    <cellStyle name="Färg1" xfId="196"/>
    <cellStyle name="Färg1 2" xfId="197"/>
    <cellStyle name="Färg2" xfId="198"/>
    <cellStyle name="Färg2 2" xfId="199"/>
    <cellStyle name="Färg3" xfId="200"/>
    <cellStyle name="Färg3 2" xfId="201"/>
    <cellStyle name="Färg4" xfId="202"/>
    <cellStyle name="Färg4 2" xfId="203"/>
    <cellStyle name="Färg5" xfId="204"/>
    <cellStyle name="Färg6" xfId="205"/>
    <cellStyle name="Färg6 2" xfId="206"/>
    <cellStyle name="Förklarande text" xfId="207"/>
    <cellStyle name="Good" xfId="208" builtinId="26" customBuiltin="1"/>
    <cellStyle name="Good 2" xfId="209"/>
    <cellStyle name="Good 2 2" xfId="210"/>
    <cellStyle name="Good 3" xfId="211"/>
    <cellStyle name="GPM_Allocation" xfId="212"/>
    <cellStyle name="Heading 1" xfId="213" builtinId="16" customBuiltin="1"/>
    <cellStyle name="Heading 1 2" xfId="214"/>
    <cellStyle name="Heading 1 2 2" xfId="215"/>
    <cellStyle name="Heading 1 3" xfId="216"/>
    <cellStyle name="Heading 2" xfId="217" builtinId="17" customBuiltin="1"/>
    <cellStyle name="Heading 2 2" xfId="218"/>
    <cellStyle name="Heading 2 2 2" xfId="219"/>
    <cellStyle name="Heading 2 3" xfId="220"/>
    <cellStyle name="Heading 2 4" xfId="221"/>
    <cellStyle name="Heading 3" xfId="222" builtinId="18" customBuiltin="1"/>
    <cellStyle name="Heading 3 2" xfId="223"/>
    <cellStyle name="Heading 3 2 2" xfId="224"/>
    <cellStyle name="Heading 3 3" xfId="225"/>
    <cellStyle name="Heading 4" xfId="226" builtinId="19" customBuiltin="1"/>
    <cellStyle name="Heading 4 2" xfId="227"/>
    <cellStyle name="Heading 4 2 2" xfId="228"/>
    <cellStyle name="Heading 4 3" xfId="229"/>
    <cellStyle name="HeadingTable" xfId="230"/>
    <cellStyle name="Hyperlink 2" xfId="231"/>
    <cellStyle name="Indata" xfId="232"/>
    <cellStyle name="Indata 2" xfId="233"/>
    <cellStyle name="Input" xfId="234" builtinId="20" customBuiltin="1"/>
    <cellStyle name="Input 2" xfId="235"/>
    <cellStyle name="Input 2 2" xfId="236"/>
    <cellStyle name="Input 3" xfId="237"/>
    <cellStyle name="Kontrollcell" xfId="238"/>
    <cellStyle name="Länkad cell" xfId="243"/>
    <cellStyle name="Länkad cell 2" xfId="244"/>
    <cellStyle name="Linked Cell" xfId="239" builtinId="24" customBuiltin="1"/>
    <cellStyle name="Linked Cell 2" xfId="240"/>
    <cellStyle name="Linked Cell 2 2" xfId="241"/>
    <cellStyle name="Linked Cell 3" xfId="242"/>
    <cellStyle name="Milliers [0]_3A_NumeratorReport_Option1_040611" xfId="245"/>
    <cellStyle name="Milliers_3A_NumeratorReport_Option1_040611" xfId="246"/>
    <cellStyle name="Monétaire [0]_3A_NumeratorReport_Option1_040611" xfId="247"/>
    <cellStyle name="Monétaire_3A_NumeratorReport_Option1_040611" xfId="248"/>
    <cellStyle name="Neutral" xfId="249" builtinId="28" customBuiltin="1"/>
    <cellStyle name="Neutral 2" xfId="250"/>
    <cellStyle name="Neutral 2 2" xfId="251"/>
    <cellStyle name="Neutral 3" xfId="252"/>
    <cellStyle name="Normaallaad_alco08.04" xfId="253"/>
    <cellStyle name="Normal" xfId="0" builtinId="0"/>
    <cellStyle name="Normal 10" xfId="254"/>
    <cellStyle name="Normal 10 2" xfId="255"/>
    <cellStyle name="Normal 10 2 2" xfId="256"/>
    <cellStyle name="Normal 10 2 3" xfId="257"/>
    <cellStyle name="Normal 10 3" xfId="258"/>
    <cellStyle name="Normal 10 4" xfId="259"/>
    <cellStyle name="Normal 11" xfId="260"/>
    <cellStyle name="Normal 11 2" xfId="261"/>
    <cellStyle name="Normal 12" xfId="262"/>
    <cellStyle name="Normal 2" xfId="263"/>
    <cellStyle name="Normal 2 2" xfId="264"/>
    <cellStyle name="Normal 2 2 10" xfId="265"/>
    <cellStyle name="Normal 2 2 10 2" xfId="266"/>
    <cellStyle name="Normal 2 2 10 3" xfId="267"/>
    <cellStyle name="Normal 2 2 11" xfId="268"/>
    <cellStyle name="Normal 2 2 12" xfId="269"/>
    <cellStyle name="Normal 2 2 13" xfId="270"/>
    <cellStyle name="Normal 2 2 2" xfId="271"/>
    <cellStyle name="Normal 2 2 3" xfId="272"/>
    <cellStyle name="Normal 2 2 3 10" xfId="273"/>
    <cellStyle name="Normal 2 2 3 2" xfId="274"/>
    <cellStyle name="Normal 2 2 3 2 2" xfId="275"/>
    <cellStyle name="Normal 2 2 3 2 2 2" xfId="276"/>
    <cellStyle name="Normal 2 2 3 2 2 2 2" xfId="277"/>
    <cellStyle name="Normal 2 2 3 2 2 2 3" xfId="278"/>
    <cellStyle name="Normal 2 2 3 2 2 3" xfId="279"/>
    <cellStyle name="Normal 2 2 3 2 2 4" xfId="280"/>
    <cellStyle name="Normal 2 2 3 2 3" xfId="281"/>
    <cellStyle name="Normal 2 2 3 2 3 2" xfId="282"/>
    <cellStyle name="Normal 2 2 3 2 3 2 2" xfId="283"/>
    <cellStyle name="Normal 2 2 3 2 3 2 3" xfId="284"/>
    <cellStyle name="Normal 2 2 3 2 3 3" xfId="285"/>
    <cellStyle name="Normal 2 2 3 2 3 4" xfId="286"/>
    <cellStyle name="Normal 2 2 3 2 4" xfId="287"/>
    <cellStyle name="Normal 2 2 3 2 4 2" xfId="288"/>
    <cellStyle name="Normal 2 2 3 2 4 2 2" xfId="289"/>
    <cellStyle name="Normal 2 2 3 2 4 2 3" xfId="290"/>
    <cellStyle name="Normal 2 2 3 2 4 3" xfId="291"/>
    <cellStyle name="Normal 2 2 3 2 4 4" xfId="292"/>
    <cellStyle name="Normal 2 2 3 2 5" xfId="293"/>
    <cellStyle name="Normal 2 2 3 2 5 2" xfId="294"/>
    <cellStyle name="Normal 2 2 3 2 5 3" xfId="295"/>
    <cellStyle name="Normal 2 2 3 2 6" xfId="296"/>
    <cellStyle name="Normal 2 2 3 2 7" xfId="297"/>
    <cellStyle name="Normal 2 2 3 2 8" xfId="298"/>
    <cellStyle name="Normal 2 2 3 3" xfId="299"/>
    <cellStyle name="Normal 2 2 3 3 2" xfId="300"/>
    <cellStyle name="Normal 2 2 3 3 2 2" xfId="301"/>
    <cellStyle name="Normal 2 2 3 3 2 3" xfId="302"/>
    <cellStyle name="Normal 2 2 3 3 3" xfId="303"/>
    <cellStyle name="Normal 2 2 3 3 4" xfId="304"/>
    <cellStyle name="Normal 2 2 3 4" xfId="305"/>
    <cellStyle name="Normal 2 2 3 4 2" xfId="306"/>
    <cellStyle name="Normal 2 2 3 4 2 2" xfId="307"/>
    <cellStyle name="Normal 2 2 3 4 2 3" xfId="308"/>
    <cellStyle name="Normal 2 2 3 4 3" xfId="309"/>
    <cellStyle name="Normal 2 2 3 4 4" xfId="310"/>
    <cellStyle name="Normal 2 2 3 5" xfId="311"/>
    <cellStyle name="Normal 2 2 3 5 2" xfId="312"/>
    <cellStyle name="Normal 2 2 3 5 2 2" xfId="313"/>
    <cellStyle name="Normal 2 2 3 5 2 3" xfId="314"/>
    <cellStyle name="Normal 2 2 3 5 3" xfId="315"/>
    <cellStyle name="Normal 2 2 3 5 4" xfId="316"/>
    <cellStyle name="Normal 2 2 3 6" xfId="317"/>
    <cellStyle name="Normal 2 2 3 6 2" xfId="318"/>
    <cellStyle name="Normal 2 2 3 6 2 2" xfId="319"/>
    <cellStyle name="Normal 2 2 3 6 2 3" xfId="320"/>
    <cellStyle name="Normal 2 2 3 6 3" xfId="321"/>
    <cellStyle name="Normal 2 2 3 6 4" xfId="322"/>
    <cellStyle name="Normal 2 2 3 7" xfId="323"/>
    <cellStyle name="Normal 2 2 3 7 2" xfId="324"/>
    <cellStyle name="Normal 2 2 3 7 3" xfId="325"/>
    <cellStyle name="Normal 2 2 3 8" xfId="326"/>
    <cellStyle name="Normal 2 2 3 9" xfId="327"/>
    <cellStyle name="Normal 2 2 4" xfId="328"/>
    <cellStyle name="Normal 2 2 4 2" xfId="329"/>
    <cellStyle name="Normal 2 2 4 2 2" xfId="330"/>
    <cellStyle name="Normal 2 2 4 2 2 2" xfId="331"/>
    <cellStyle name="Normal 2 2 4 2 2 2 2" xfId="332"/>
    <cellStyle name="Normal 2 2 4 2 2 2 3" xfId="333"/>
    <cellStyle name="Normal 2 2 4 2 2 3" xfId="334"/>
    <cellStyle name="Normal 2 2 4 2 2 4" xfId="335"/>
    <cellStyle name="Normal 2 2 4 2 3" xfId="336"/>
    <cellStyle name="Normal 2 2 4 2 3 2" xfId="337"/>
    <cellStyle name="Normal 2 2 4 2 3 3" xfId="338"/>
    <cellStyle name="Normal 2 2 4 2 4" xfId="339"/>
    <cellStyle name="Normal 2 2 4 2 5" xfId="340"/>
    <cellStyle name="Normal 2 2 4 3" xfId="341"/>
    <cellStyle name="Normal 2 2 4 3 2" xfId="342"/>
    <cellStyle name="Normal 2 2 4 3 2 2" xfId="343"/>
    <cellStyle name="Normal 2 2 4 3 2 3" xfId="344"/>
    <cellStyle name="Normal 2 2 4 3 3" xfId="345"/>
    <cellStyle name="Normal 2 2 4 3 4" xfId="346"/>
    <cellStyle name="Normal 2 2 4 4" xfId="347"/>
    <cellStyle name="Normal 2 2 4 4 2" xfId="348"/>
    <cellStyle name="Normal 2 2 4 4 2 2" xfId="349"/>
    <cellStyle name="Normal 2 2 4 4 2 3" xfId="350"/>
    <cellStyle name="Normal 2 2 4 4 3" xfId="351"/>
    <cellStyle name="Normal 2 2 4 4 4" xfId="352"/>
    <cellStyle name="Normal 2 2 4 5" xfId="353"/>
    <cellStyle name="Normal 2 2 4 5 2" xfId="354"/>
    <cellStyle name="Normal 2 2 4 5 3" xfId="355"/>
    <cellStyle name="Normal 2 2 4 6" xfId="356"/>
    <cellStyle name="Normal 2 2 4 7" xfId="357"/>
    <cellStyle name="Normal 2 2 4 8" xfId="358"/>
    <cellStyle name="Normal 2 2 5" xfId="359"/>
    <cellStyle name="Normal 2 2 5 2" xfId="360"/>
    <cellStyle name="Normal 2 2 5 2 2" xfId="361"/>
    <cellStyle name="Normal 2 2 5 2 2 2" xfId="362"/>
    <cellStyle name="Normal 2 2 5 2 2 3" xfId="363"/>
    <cellStyle name="Normal 2 2 5 2 3" xfId="364"/>
    <cellStyle name="Normal 2 2 5 2 4" xfId="365"/>
    <cellStyle name="Normal 2 2 5 3" xfId="366"/>
    <cellStyle name="Normal 2 2 5 3 2" xfId="367"/>
    <cellStyle name="Normal 2 2 5 3 2 2" xfId="368"/>
    <cellStyle name="Normal 2 2 5 3 2 3" xfId="369"/>
    <cellStyle name="Normal 2 2 5 3 3" xfId="370"/>
    <cellStyle name="Normal 2 2 5 3 4" xfId="371"/>
    <cellStyle name="Normal 2 2 5 4" xfId="372"/>
    <cellStyle name="Normal 2 2 5 4 2" xfId="373"/>
    <cellStyle name="Normal 2 2 5 4 3" xfId="374"/>
    <cellStyle name="Normal 2 2 5 5" xfId="375"/>
    <cellStyle name="Normal 2 2 5 6" xfId="376"/>
    <cellStyle name="Normal 2 2 5 7" xfId="377"/>
    <cellStyle name="Normal 2 2 6" xfId="378"/>
    <cellStyle name="Normal 2 2 6 2" xfId="379"/>
    <cellStyle name="Normal 2 2 6 2 2" xfId="380"/>
    <cellStyle name="Normal 2 2 6 2 2 2" xfId="381"/>
    <cellStyle name="Normal 2 2 6 2 2 3" xfId="382"/>
    <cellStyle name="Normal 2 2 6 2 3" xfId="383"/>
    <cellStyle name="Normal 2 2 6 2 4" xfId="384"/>
    <cellStyle name="Normal 2 2 6 3" xfId="385"/>
    <cellStyle name="Normal 2 2 6 3 2" xfId="386"/>
    <cellStyle name="Normal 2 2 6 3 2 2" xfId="387"/>
    <cellStyle name="Normal 2 2 6 3 2 3" xfId="388"/>
    <cellStyle name="Normal 2 2 6 3 3" xfId="389"/>
    <cellStyle name="Normal 2 2 6 3 4" xfId="390"/>
    <cellStyle name="Normal 2 2 6 4" xfId="391"/>
    <cellStyle name="Normal 2 2 6 4 2" xfId="392"/>
    <cellStyle name="Normal 2 2 6 4 3" xfId="393"/>
    <cellStyle name="Normal 2 2 6 5" xfId="394"/>
    <cellStyle name="Normal 2 2 6 6" xfId="395"/>
    <cellStyle name="Normal 2 2 6 7" xfId="396"/>
    <cellStyle name="Normal 2 2 7" xfId="397"/>
    <cellStyle name="Normal 2 2 7 2" xfId="398"/>
    <cellStyle name="Normal 2 2 7 2 2" xfId="399"/>
    <cellStyle name="Normal 2 2 7 2 3" xfId="400"/>
    <cellStyle name="Normal 2 2 7 3" xfId="401"/>
    <cellStyle name="Normal 2 2 7 4" xfId="402"/>
    <cellStyle name="Normal 2 2 8" xfId="403"/>
    <cellStyle name="Normal 2 2 8 2" xfId="404"/>
    <cellStyle name="Normal 2 2 8 2 2" xfId="405"/>
    <cellStyle name="Normal 2 2 8 2 3" xfId="406"/>
    <cellStyle name="Normal 2 2 8 3" xfId="407"/>
    <cellStyle name="Normal 2 2 8 4" xfId="408"/>
    <cellStyle name="Normal 2 2 9" xfId="409"/>
    <cellStyle name="Normal 2 2 9 2" xfId="410"/>
    <cellStyle name="Normal 2 2 9 2 2" xfId="411"/>
    <cellStyle name="Normal 2 2 9 2 3" xfId="412"/>
    <cellStyle name="Normal 2 2 9 3" xfId="413"/>
    <cellStyle name="Normal 2 2 9 4" xfId="414"/>
    <cellStyle name="Normal 2 3" xfId="415"/>
    <cellStyle name="Normal 2 3 2" xfId="416"/>
    <cellStyle name="Normal 2 4" xfId="417"/>
    <cellStyle name="Normal 2 4 2" xfId="418"/>
    <cellStyle name="Normal 2 4 2 2" xfId="419"/>
    <cellStyle name="Normal 2 4 2 2 2" xfId="420"/>
    <cellStyle name="Normal 2 4 2 2 3" xfId="421"/>
    <cellStyle name="Normal 2 4 2 3" xfId="422"/>
    <cellStyle name="Normal 2 4 2 4" xfId="423"/>
    <cellStyle name="Normal 2 4 3" xfId="424"/>
    <cellStyle name="Normal 2 4 3 2" xfId="425"/>
    <cellStyle name="Normal 2 4 3 2 2" xfId="426"/>
    <cellStyle name="Normal 2 4 3 2 3" xfId="427"/>
    <cellStyle name="Normal 2 4 3 3" xfId="428"/>
    <cellStyle name="Normal 2 4 3 4" xfId="429"/>
    <cellStyle name="Normal 2 5" xfId="430"/>
    <cellStyle name="Normal 2 5 2" xfId="431"/>
    <cellStyle name="Normal 2 6" xfId="432"/>
    <cellStyle name="Normal 2 6 2" xfId="433"/>
    <cellStyle name="Normal 2 6 2 2" xfId="434"/>
    <cellStyle name="Normal 2 6 2 3" xfId="435"/>
    <cellStyle name="Normal 2 6 3" xfId="436"/>
    <cellStyle name="Normal 2 6 4" xfId="437"/>
    <cellStyle name="Normal 2 6 5" xfId="438"/>
    <cellStyle name="Normal 2 6 6" xfId="439"/>
    <cellStyle name="Normal 2 7" xfId="440"/>
    <cellStyle name="Normal 2 8" xfId="441"/>
    <cellStyle name="Normal 2 9" xfId="442"/>
    <cellStyle name="Normal 3" xfId="443"/>
    <cellStyle name="Normal 3 2" xfId="444"/>
    <cellStyle name="Normal 3 2 2" xfId="445"/>
    <cellStyle name="Normal 3 3" xfId="446"/>
    <cellStyle name="Normal 3 3 2" xfId="447"/>
    <cellStyle name="Normal 3 4" xfId="448"/>
    <cellStyle name="Normal 3 4 2" xfId="449"/>
    <cellStyle name="Normal 3 4 3" xfId="450"/>
    <cellStyle name="Normal 3 5" xfId="451"/>
    <cellStyle name="Normal 4" xfId="452"/>
    <cellStyle name="Normal 4 2" xfId="453"/>
    <cellStyle name="Normal 4 2 2" xfId="454"/>
    <cellStyle name="Normal 4 2 3" xfId="455"/>
    <cellStyle name="Normal 4 3" xfId="456"/>
    <cellStyle name="Normal 4 3 2" xfId="457"/>
    <cellStyle name="Normal 4 4" xfId="458"/>
    <cellStyle name="Normal 5" xfId="459"/>
    <cellStyle name="Normal 5 2" xfId="460"/>
    <cellStyle name="Normal 5 2 10" xfId="461"/>
    <cellStyle name="Normal 5 2 2" xfId="462"/>
    <cellStyle name="Normal 5 2 2 2" xfId="463"/>
    <cellStyle name="Normal 5 2 2 2 2" xfId="464"/>
    <cellStyle name="Normal 5 2 2 2 2 2" xfId="465"/>
    <cellStyle name="Normal 5 2 2 2 2 3" xfId="466"/>
    <cellStyle name="Normal 5 2 2 2 3" xfId="467"/>
    <cellStyle name="Normal 5 2 2 2 4" xfId="468"/>
    <cellStyle name="Normal 5 2 2 3" xfId="469"/>
    <cellStyle name="Normal 5 2 2 3 2" xfId="470"/>
    <cellStyle name="Normal 5 2 2 3 2 2" xfId="471"/>
    <cellStyle name="Normal 5 2 2 3 2 3" xfId="472"/>
    <cellStyle name="Normal 5 2 2 3 3" xfId="473"/>
    <cellStyle name="Normal 5 2 2 3 4" xfId="474"/>
    <cellStyle name="Normal 5 2 2 4" xfId="475"/>
    <cellStyle name="Normal 5 2 2 4 2" xfId="476"/>
    <cellStyle name="Normal 5 2 2 4 2 2" xfId="477"/>
    <cellStyle name="Normal 5 2 2 4 2 3" xfId="478"/>
    <cellStyle name="Normal 5 2 2 4 3" xfId="479"/>
    <cellStyle name="Normal 5 2 2 4 4" xfId="480"/>
    <cellStyle name="Normal 5 2 2 5" xfId="481"/>
    <cellStyle name="Normal 5 2 2 5 2" xfId="482"/>
    <cellStyle name="Normal 5 2 2 5 3" xfId="483"/>
    <cellStyle name="Normal 5 2 2 6" xfId="484"/>
    <cellStyle name="Normal 5 2 2 7" xfId="485"/>
    <cellStyle name="Normal 5 2 3" xfId="486"/>
    <cellStyle name="Normal 5 2 3 2" xfId="487"/>
    <cellStyle name="Normal 5 2 3 2 2" xfId="488"/>
    <cellStyle name="Normal 5 2 3 2 3" xfId="489"/>
    <cellStyle name="Normal 5 2 3 3" xfId="490"/>
    <cellStyle name="Normal 5 2 3 4" xfId="491"/>
    <cellStyle name="Normal 5 2 4" xfId="492"/>
    <cellStyle name="Normal 5 2 4 2" xfId="493"/>
    <cellStyle name="Normal 5 2 4 2 2" xfId="494"/>
    <cellStyle name="Normal 5 2 4 2 3" xfId="495"/>
    <cellStyle name="Normal 5 2 4 3" xfId="496"/>
    <cellStyle name="Normal 5 2 4 4" xfId="497"/>
    <cellStyle name="Normal 5 2 5" xfId="498"/>
    <cellStyle name="Normal 5 2 5 2" xfId="499"/>
    <cellStyle name="Normal 5 2 5 2 2" xfId="500"/>
    <cellStyle name="Normal 5 2 5 2 3" xfId="501"/>
    <cellStyle name="Normal 5 2 5 3" xfId="502"/>
    <cellStyle name="Normal 5 2 5 4" xfId="503"/>
    <cellStyle name="Normal 5 2 6" xfId="504"/>
    <cellStyle name="Normal 5 2 6 2" xfId="505"/>
    <cellStyle name="Normal 5 2 6 2 2" xfId="506"/>
    <cellStyle name="Normal 5 2 6 2 3" xfId="507"/>
    <cellStyle name="Normal 5 2 6 3" xfId="508"/>
    <cellStyle name="Normal 5 2 6 4" xfId="509"/>
    <cellStyle name="Normal 5 2 7" xfId="510"/>
    <cellStyle name="Normal 5 2 7 2" xfId="511"/>
    <cellStyle name="Normal 5 2 7 3" xfId="512"/>
    <cellStyle name="Normal 5 2 8" xfId="513"/>
    <cellStyle name="Normal 5 2 9" xfId="514"/>
    <cellStyle name="Normal 5 3" xfId="515"/>
    <cellStyle name="Normal 5 3 2" xfId="516"/>
    <cellStyle name="Normal 5 3 2 2" xfId="517"/>
    <cellStyle name="Normal 5 3 2 2 2" xfId="518"/>
    <cellStyle name="Normal 5 3 2 2 3" xfId="519"/>
    <cellStyle name="Normal 5 3 2 3" xfId="520"/>
    <cellStyle name="Normal 5 3 2 4" xfId="521"/>
    <cellStyle name="Normal 5 3 3" xfId="522"/>
    <cellStyle name="Normal 5 3 3 2" xfId="523"/>
    <cellStyle name="Normal 5 3 3 3" xfId="524"/>
    <cellStyle name="Normal 5 3 4" xfId="525"/>
    <cellStyle name="Normal 5 3 5" xfId="526"/>
    <cellStyle name="Normal 5 3 6" xfId="527"/>
    <cellStyle name="Normal 5 4" xfId="528"/>
    <cellStyle name="Normal 5 5" xfId="529"/>
    <cellStyle name="Normal 6" xfId="530"/>
    <cellStyle name="Normal 6 2" xfId="531"/>
    <cellStyle name="Normal 7" xfId="532"/>
    <cellStyle name="Normal 7 2" xfId="533"/>
    <cellStyle name="Normal 7 2 3 2" xfId="534"/>
    <cellStyle name="Normal 7 3" xfId="535"/>
    <cellStyle name="Normal 7 3 2" xfId="536"/>
    <cellStyle name="Normal 7 3 3" xfId="537"/>
    <cellStyle name="Normal 7 4" xfId="538"/>
    <cellStyle name="Normal 7 5" xfId="539"/>
    <cellStyle name="Normal 7 6" xfId="540"/>
    <cellStyle name="Normal 7 7" xfId="541"/>
    <cellStyle name="Normal 8" xfId="542"/>
    <cellStyle name="Normal 8 2" xfId="543"/>
    <cellStyle name="Normal 8 3" xfId="544"/>
    <cellStyle name="Normal 9" xfId="545"/>
    <cellStyle name="Normal_130107 Pillar 3 2012 2" xfId="546"/>
    <cellStyle name="Note" xfId="547" builtinId="10" customBuiltin="1"/>
    <cellStyle name="Note 2" xfId="548"/>
    <cellStyle name="Note 3" xfId="549"/>
    <cellStyle name="optionalExposure" xfId="550"/>
    <cellStyle name="Output" xfId="551" builtinId="21" customBuiltin="1"/>
    <cellStyle name="Output 2" xfId="552"/>
    <cellStyle name="Output 2 2" xfId="553"/>
    <cellStyle name="Output 3" xfId="554"/>
    <cellStyle name="Output Amounts" xfId="555"/>
    <cellStyle name="Output Column Headings" xfId="556"/>
    <cellStyle name="Output Line Items" xfId="557"/>
    <cellStyle name="Output Report Heading" xfId="558"/>
    <cellStyle name="Output Report Title" xfId="559"/>
    <cellStyle name="Percent" xfId="560" builtinId="5"/>
    <cellStyle name="Percent 10" xfId="561"/>
    <cellStyle name="Percent 2" xfId="562"/>
    <cellStyle name="Percent 2 2" xfId="563"/>
    <cellStyle name="Percent 2 3" xfId="564"/>
    <cellStyle name="Percent 2 3 2" xfId="565"/>
    <cellStyle name="Percent 2 4" xfId="566"/>
    <cellStyle name="Percent 2 5" xfId="567"/>
    <cellStyle name="Percent 3" xfId="568"/>
    <cellStyle name="Percent 3 2" xfId="569"/>
    <cellStyle name="Percent 4" xfId="570"/>
    <cellStyle name="Percent 4 2" xfId="571"/>
    <cellStyle name="Percent 5" xfId="572"/>
    <cellStyle name="Percent 6" xfId="573"/>
    <cellStyle name="Percent 6 2" xfId="574"/>
    <cellStyle name="Percent 7" xfId="575"/>
    <cellStyle name="Percent 8" xfId="576"/>
    <cellStyle name="Percent 9" xfId="577"/>
    <cellStyle name="periodHeader" xfId="578"/>
    <cellStyle name="Rubrik" xfId="579"/>
    <cellStyle name="Rubrik 1" xfId="580"/>
    <cellStyle name="Rubrik 1 2" xfId="581"/>
    <cellStyle name="Rubrik 2" xfId="582"/>
    <cellStyle name="Rubrik 2 2" xfId="583"/>
    <cellStyle name="Rubrik 3" xfId="584"/>
    <cellStyle name="Rubrik 3 2" xfId="585"/>
    <cellStyle name="Rubrik 4" xfId="586"/>
    <cellStyle name="Rubrik 4 2" xfId="587"/>
    <cellStyle name="Rubrik 5" xfId="588"/>
    <cellStyle name="SEB Green Background" xfId="589"/>
    <cellStyle name="SEB Header" xfId="590"/>
    <cellStyle name="SEB Normal" xfId="591"/>
    <cellStyle name="SEB Table Header Row" xfId="592"/>
    <cellStyle name="SEB Table Row" xfId="593"/>
    <cellStyle name="Style 1" xfId="594"/>
    <cellStyle name="Summa" xfId="595"/>
    <cellStyle name="Summa 2" xfId="596"/>
    <cellStyle name="Title" xfId="597" builtinId="15" customBuiltin="1"/>
    <cellStyle name="Title 2" xfId="598"/>
    <cellStyle name="Title 2 2" xfId="599"/>
    <cellStyle name="Title 3" xfId="600"/>
    <cellStyle name="Total" xfId="601" builtinId="25" customBuiltin="1"/>
    <cellStyle name="Total 2" xfId="602"/>
    <cellStyle name="Total 2 2" xfId="603"/>
    <cellStyle name="Total 3" xfId="604"/>
    <cellStyle name="Tusental (0)_Antal år" xfId="605"/>
    <cellStyle name="Tusental_5.1 CounterParty Risk" xfId="606"/>
    <cellStyle name="Urmo_D-Options" xfId="607"/>
    <cellStyle name="Utdata" xfId="608"/>
    <cellStyle name="Utdata 2" xfId="609"/>
    <cellStyle name="Valuta (0)_Antal år" xfId="610"/>
    <cellStyle name="Varningstext" xfId="615"/>
    <cellStyle name="Warning Text" xfId="611" builtinId="11" customBuiltin="1"/>
    <cellStyle name="Warning Text 2" xfId="612"/>
    <cellStyle name="Warning Text 2 2" xfId="613"/>
    <cellStyle name="Warning Text 3" xfId="614"/>
  </cellStyles>
  <dxfs count="0"/>
  <tableStyles count="0" defaultTableStyle="TableStyleMedium2" defaultPivotStyle="PivotStyleLight16"/>
  <extLst>
    <ext xmlns:x14="http://schemas.microsoft.com/office/spreadsheetml/2009/9/main" uri="{EB79DEF2-80B8-43e5-95BD-54CBDDF9020C}">
      <x14:slicerStyles defaultSlicerStyl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worksheet" Target="worksheets/sheet13.xml"/><Relationship Id="rId18" Type="http://schemas.openxmlformats.org/officeDocument/2006/relationships/worksheet" Target="worksheets/sheet18.xml"/><Relationship Id="rId3" Type="http://schemas.openxmlformats.org/officeDocument/2006/relationships/worksheet" Target="worksheets/sheet3.xml"/><Relationship Id="rId21" Type="http://schemas.openxmlformats.org/officeDocument/2006/relationships/externalLink" Target="externalLinks/externalLink3.xml"/><Relationship Id="rId7" Type="http://schemas.openxmlformats.org/officeDocument/2006/relationships/worksheet" Target="worksheets/sheet7.xml"/><Relationship Id="rId12" Type="http://schemas.openxmlformats.org/officeDocument/2006/relationships/worksheet" Target="worksheets/sheet12.xml"/><Relationship Id="rId17" Type="http://schemas.openxmlformats.org/officeDocument/2006/relationships/worksheet" Target="worksheets/sheet17.xml"/><Relationship Id="rId2" Type="http://schemas.openxmlformats.org/officeDocument/2006/relationships/worksheet" Target="worksheets/sheet2.xml"/><Relationship Id="rId16" Type="http://schemas.openxmlformats.org/officeDocument/2006/relationships/worksheet" Target="worksheets/sheet16.xml"/><Relationship Id="rId20" Type="http://schemas.openxmlformats.org/officeDocument/2006/relationships/externalLink" Target="externalLinks/externalLink2.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24" Type="http://schemas.openxmlformats.org/officeDocument/2006/relationships/sharedStrings" Target="sharedStrings.xml"/><Relationship Id="rId5" Type="http://schemas.openxmlformats.org/officeDocument/2006/relationships/worksheet" Target="worksheets/sheet5.xml"/><Relationship Id="rId15" Type="http://schemas.openxmlformats.org/officeDocument/2006/relationships/worksheet" Target="worksheets/sheet15.xml"/><Relationship Id="rId23" Type="http://schemas.openxmlformats.org/officeDocument/2006/relationships/styles" Target="styles.xml"/><Relationship Id="rId10" Type="http://schemas.openxmlformats.org/officeDocument/2006/relationships/worksheet" Target="worksheets/sheet10.xml"/><Relationship Id="rId19" Type="http://schemas.openxmlformats.org/officeDocument/2006/relationships/externalLink" Target="externalLinks/externalLink1.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worksheet" Target="worksheets/sheet14.xml"/><Relationship Id="rId22" Type="http://schemas.openxmlformats.org/officeDocument/2006/relationships/theme" Target="theme/theme1.xml"/></Relationships>
</file>

<file path=xl/ctrlProps/ctrlProp1.xml><?xml version="1.0" encoding="utf-8"?>
<formControlPr xmlns="http://schemas.microsoft.com/office/spreadsheetml/2009/9/main" objectType="Button" lockText="1"/>
</file>

<file path=xl/ctrlProps/ctrlProp2.xml><?xml version="1.0" encoding="utf-8"?>
<formControlPr xmlns="http://schemas.microsoft.com/office/spreadsheetml/2009/9/main" objectType="Button" lockText="1"/>
</file>

<file path=xl/ctrlProps/ctrlProp3.xml><?xml version="1.0" encoding="utf-8"?>
<formControlPr xmlns="http://schemas.microsoft.com/office/spreadsheetml/2009/9/main" objectType="Button" lockText="1"/>
</file>

<file path=xl/drawings/_rels/drawing2.xml.rels><?xml version="1.0" encoding="UTF-8" standalone="yes"?>
<Relationships xmlns="http://schemas.openxmlformats.org/package/2006/relationships"><Relationship Id="rId2" Type="http://schemas.openxmlformats.org/officeDocument/2006/relationships/image" Target="../media/image2.png"/><Relationship Id="rId1" Type="http://schemas.openxmlformats.org/officeDocument/2006/relationships/image" Target="../media/image1.png"/></Relationships>
</file>

<file path=xl/drawings/drawing1.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xdr:from>
          <xdr:col>0</xdr:col>
          <xdr:colOff>47625</xdr:colOff>
          <xdr:row>0</xdr:row>
          <xdr:rowOff>0</xdr:rowOff>
        </xdr:from>
        <xdr:to>
          <xdr:col>0</xdr:col>
          <xdr:colOff>57150</xdr:colOff>
          <xdr:row>0</xdr:row>
          <xdr:rowOff>0</xdr:rowOff>
        </xdr:to>
        <xdr:sp macro="" textlink="">
          <xdr:nvSpPr>
            <xdr:cNvPr id="7143425" name="Button 1" hidden="1">
              <a:extLst>
                <a:ext uri="{63B3BB69-23CF-44E3-9099-C40C66FF867C}">
                  <a14:compatExt spid="_x0000_s7143425"/>
                </a:ext>
              </a:extLst>
            </xdr:cNvPr>
            <xdr:cNvSpPr/>
          </xdr:nvSpPr>
          <xdr:spPr>
            <a:xfrm>
              <a:off x="0" y="0"/>
              <a:ext cx="0" cy="0"/>
            </a:xfrm>
            <a:prstGeom prst="rect">
              <a:avLst/>
            </a:prstGeom>
          </xdr:spPr>
          <xdr:txBody>
            <a:bodyPr vertOverflow="clip" wrap="square" lIns="27432" tIns="22860" rIns="27432" bIns="22860" anchor="ctr" upright="1"/>
            <a:lstStyle/>
            <a:p>
              <a:pPr algn="ctr" rtl="0">
                <a:defRPr sz="1000"/>
              </a:pPr>
              <a:r>
                <a:rPr lang="en-GB" sz="1000" b="0" i="0" u="none" strike="noStrike" baseline="0">
                  <a:solidFill>
                    <a:srgbClr val="000000"/>
                  </a:solidFill>
                  <a:latin typeface="Arial"/>
                  <a:cs typeface="Arial"/>
                </a:rPr>
                <a:t>Update Pivottable</a:t>
              </a:r>
            </a:p>
          </xdr:txBody>
        </xdr:sp>
        <xdr:clientData fPrintsWithSheet="0"/>
      </xdr:twoCellAnchor>
    </mc:Choice>
    <mc:Fallback/>
  </mc:AlternateContent>
  <mc:AlternateContent xmlns:mc="http://schemas.openxmlformats.org/markup-compatibility/2006">
    <mc:Choice xmlns:a14="http://schemas.microsoft.com/office/drawing/2010/main" Requires="a14">
      <xdr:twoCellAnchor>
        <xdr:from>
          <xdr:col>0</xdr:col>
          <xdr:colOff>47625</xdr:colOff>
          <xdr:row>0</xdr:row>
          <xdr:rowOff>0</xdr:rowOff>
        </xdr:from>
        <xdr:to>
          <xdr:col>0</xdr:col>
          <xdr:colOff>57150</xdr:colOff>
          <xdr:row>0</xdr:row>
          <xdr:rowOff>0</xdr:rowOff>
        </xdr:to>
        <xdr:sp macro="" textlink="">
          <xdr:nvSpPr>
            <xdr:cNvPr id="7143426" name="Button 2" hidden="1">
              <a:extLst>
                <a:ext uri="{63B3BB69-23CF-44E3-9099-C40C66FF867C}">
                  <a14:compatExt spid="_x0000_s7143426"/>
                </a:ext>
              </a:extLst>
            </xdr:cNvPr>
            <xdr:cNvSpPr/>
          </xdr:nvSpPr>
          <xdr:spPr>
            <a:xfrm>
              <a:off x="0" y="0"/>
              <a:ext cx="0" cy="0"/>
            </a:xfrm>
            <a:prstGeom prst="rect">
              <a:avLst/>
            </a:prstGeom>
          </xdr:spPr>
          <xdr:txBody>
            <a:bodyPr vertOverflow="clip" wrap="square" lIns="27432" tIns="22860" rIns="27432" bIns="22860" anchor="ctr" upright="1"/>
            <a:lstStyle/>
            <a:p>
              <a:pPr algn="ctr" rtl="0">
                <a:defRPr sz="1000"/>
              </a:pPr>
              <a:r>
                <a:rPr lang="en-GB" sz="1000" b="0" i="0" u="none" strike="noStrike" baseline="0">
                  <a:solidFill>
                    <a:srgbClr val="000000"/>
                  </a:solidFill>
                  <a:latin typeface="Arial"/>
                  <a:cs typeface="Arial"/>
                </a:rPr>
                <a:t>Update Pivottable</a:t>
              </a:r>
            </a:p>
          </xdr:txBody>
        </xdr:sp>
        <xdr:clientData fPrintsWithSheet="0"/>
      </xdr:twoCellAnchor>
    </mc:Choice>
    <mc:Fallback/>
  </mc:AlternateContent>
  <mc:AlternateContent xmlns:mc="http://schemas.openxmlformats.org/markup-compatibility/2006">
    <mc:Choice xmlns:a14="http://schemas.microsoft.com/office/drawing/2010/main" Requires="a14">
      <xdr:twoCellAnchor>
        <xdr:from>
          <xdr:col>0</xdr:col>
          <xdr:colOff>47625</xdr:colOff>
          <xdr:row>0</xdr:row>
          <xdr:rowOff>0</xdr:rowOff>
        </xdr:from>
        <xdr:to>
          <xdr:col>0</xdr:col>
          <xdr:colOff>57150</xdr:colOff>
          <xdr:row>0</xdr:row>
          <xdr:rowOff>0</xdr:rowOff>
        </xdr:to>
        <xdr:sp macro="" textlink="">
          <xdr:nvSpPr>
            <xdr:cNvPr id="7143427" name="Button 3" hidden="1">
              <a:extLst>
                <a:ext uri="{63B3BB69-23CF-44E3-9099-C40C66FF867C}">
                  <a14:compatExt spid="_x0000_s7143427"/>
                </a:ext>
              </a:extLst>
            </xdr:cNvPr>
            <xdr:cNvSpPr/>
          </xdr:nvSpPr>
          <xdr:spPr>
            <a:xfrm>
              <a:off x="0" y="0"/>
              <a:ext cx="0" cy="0"/>
            </a:xfrm>
            <a:prstGeom prst="rect">
              <a:avLst/>
            </a:prstGeom>
          </xdr:spPr>
          <xdr:txBody>
            <a:bodyPr vertOverflow="clip" wrap="square" lIns="27432" tIns="22860" rIns="27432" bIns="22860" anchor="ctr" upright="1"/>
            <a:lstStyle/>
            <a:p>
              <a:pPr algn="ctr" rtl="0">
                <a:defRPr sz="1000"/>
              </a:pPr>
              <a:r>
                <a:rPr lang="en-GB" sz="1000" b="0" i="0" u="none" strike="noStrike" baseline="0">
                  <a:solidFill>
                    <a:srgbClr val="000000"/>
                  </a:solidFill>
                  <a:latin typeface="Arial"/>
                  <a:cs typeface="Arial"/>
                </a:rPr>
                <a:t>Update Pivottable</a:t>
              </a:r>
            </a:p>
          </xdr:txBody>
        </xdr:sp>
        <xdr:clientData fPrintsWithSheet="0"/>
      </xdr:twoCellAnchor>
    </mc:Choice>
    <mc:Fallback/>
  </mc:AlternateContent>
</xdr:wsDr>
</file>

<file path=xl/drawings/drawing2.xml><?xml version="1.0" encoding="utf-8"?>
<xdr:wsDr xmlns:xdr="http://schemas.openxmlformats.org/drawingml/2006/spreadsheetDrawing" xmlns:a="http://schemas.openxmlformats.org/drawingml/2006/main">
  <xdr:twoCellAnchor editAs="oneCell">
    <xdr:from>
      <xdr:col>1</xdr:col>
      <xdr:colOff>76200</xdr:colOff>
      <xdr:row>23</xdr:row>
      <xdr:rowOff>142875</xdr:rowOff>
    </xdr:from>
    <xdr:to>
      <xdr:col>7</xdr:col>
      <xdr:colOff>190500</xdr:colOff>
      <xdr:row>33</xdr:row>
      <xdr:rowOff>9525</xdr:rowOff>
    </xdr:to>
    <xdr:pic>
      <xdr:nvPicPr>
        <xdr:cNvPr id="7348499" name="Picture 1"/>
        <xdr:cNvPicPr>
          <a:picLocks noChangeAspect="1"/>
        </xdr:cNvPicPr>
      </xdr:nvPicPr>
      <xdr:blipFill>
        <a:blip xmlns:r="http://schemas.openxmlformats.org/officeDocument/2006/relationships" r:embed="rId1">
          <a:extLst>
            <a:ext uri="{28A0092B-C50C-407E-A947-70E740481C1C}">
              <a14:useLocalDpi xmlns:a14="http://schemas.microsoft.com/office/drawing/2010/main" val="0"/>
            </a:ext>
          </a:extLst>
        </a:blip>
        <a:srcRect/>
        <a:stretch>
          <a:fillRect/>
        </a:stretch>
      </xdr:blipFill>
      <xdr:spPr bwMode="auto">
        <a:xfrm>
          <a:off x="666750" y="3867150"/>
          <a:ext cx="3657600" cy="14859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clientData/>
  </xdr:twoCellAnchor>
  <xdr:twoCellAnchor editAs="oneCell">
    <xdr:from>
      <xdr:col>1</xdr:col>
      <xdr:colOff>66675</xdr:colOff>
      <xdr:row>5</xdr:row>
      <xdr:rowOff>152400</xdr:rowOff>
    </xdr:from>
    <xdr:to>
      <xdr:col>10</xdr:col>
      <xdr:colOff>161925</xdr:colOff>
      <xdr:row>23</xdr:row>
      <xdr:rowOff>104775</xdr:rowOff>
    </xdr:to>
    <xdr:pic>
      <xdr:nvPicPr>
        <xdr:cNvPr id="7348500" name="Picture 5"/>
        <xdr:cNvPicPr>
          <a:picLocks noChangeAspect="1"/>
        </xdr:cNvPicPr>
      </xdr:nvPicPr>
      <xdr:blipFill>
        <a:blip xmlns:r="http://schemas.openxmlformats.org/officeDocument/2006/relationships" r:embed="rId2">
          <a:extLst>
            <a:ext uri="{28A0092B-C50C-407E-A947-70E740481C1C}">
              <a14:useLocalDpi xmlns:a14="http://schemas.microsoft.com/office/drawing/2010/main" val="0"/>
            </a:ext>
          </a:extLst>
        </a:blip>
        <a:srcRect/>
        <a:stretch>
          <a:fillRect/>
        </a:stretch>
      </xdr:blipFill>
      <xdr:spPr bwMode="auto">
        <a:xfrm>
          <a:off x="657225" y="962025"/>
          <a:ext cx="5410200" cy="28670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clientData/>
  </xdr:twoCellAnchor>
</xdr:wsDr>
</file>

<file path=xl/externalLinks/_rels/externalLink1.xml.rels><?xml version="1.0" encoding="UTF-8" standalone="yes"?>
<Relationships xmlns="http://schemas.openxmlformats.org/package/2006/relationships"><Relationship Id="rId1" Type="http://schemas.openxmlformats.org/officeDocument/2006/relationships/externalLinkPath" Target="file:///C:\CRO%20Office\Risk%20Aggregation\Pillar%203\Pillar%203%202011\Excel_data\Old%20Excel%202010\P3.Seciritisation%202010.xls" TargetMode="External"/></Relationships>
</file>

<file path=xl/externalLinks/_rels/externalLink2.xml.rels><?xml version="1.0" encoding="UTF-8" standalone="yes"?>
<Relationships xmlns="http://schemas.openxmlformats.org/package/2006/relationships"><Relationship Id="rId1" Type="http://schemas.openxmlformats.org/officeDocument/2006/relationships/externalLinkPath" Target="file:///C:\Documents%20and%20Settings\s65369\Local%20Settings\Temporary%20Internet%20Files\OLK51\130107%20Pillar%203%202012.xls" TargetMode="External"/></Relationships>
</file>

<file path=xl/externalLinks/_rels/externalLink3.xml.rels><?xml version="1.0" encoding="UTF-8" standalone="yes"?>
<Relationships xmlns="http://schemas.openxmlformats.org/package/2006/relationships"><Relationship Id="rId1" Type="http://schemas.openxmlformats.org/officeDocument/2006/relationships/externalLinkPath" Target="file:///C:\Documents%20and%20Settings\s62530\Local%20Settings\Temporary%20Internet%20Files\Content.IE5\FEO9USU3\INS0000219_395A2244-1D84-43F4-BAE7-6905B80758F9_130206-091522%5b1%5d.xls"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Securitisations 2010"/>
      <sheetName val="Sheet1"/>
      <sheetName val="Sheet2"/>
      <sheetName val="#REF"/>
      <sheetName val="About"/>
      <sheetName val="1. Insurance"/>
    </sheetNames>
    <sheetDataSet>
      <sheetData sheetId="0">
        <row r="83">
          <cell r="G83">
            <v>1000000</v>
          </cell>
        </row>
      </sheetData>
      <sheetData sheetId="1"/>
      <sheetData sheetId="2"/>
      <sheetData sheetId="3" refreshError="1"/>
      <sheetData sheetId="4" refreshError="1"/>
      <sheetData sheetId="5" refreshError="1"/>
    </sheetDataSet>
  </externalBook>
</externalLink>
</file>

<file path=xl/externalLinks/externalLink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Responsible"/>
      <sheetName val="About"/>
      <sheetName val="Contents"/>
      <sheetName val="Group"/>
      <sheetName val="Risk"/>
      <sheetName val="ICAAP"/>
      <sheetName val="CapBase"/>
      <sheetName val="Hybrids"/>
      <sheetName val="CapReq"/>
      <sheetName val="Ratios"/>
      <sheetName val="Subs"/>
      <sheetName val="Exposure"/>
      <sheetName val="Geo"/>
      <sheetName val="Ind"/>
      <sheetName val="Maturity"/>
      <sheetName val="Impair"/>
      <sheetName val="Imp ind"/>
      <sheetName val="Imp geo"/>
      <sheetName val="Prov &amp;  write-offs"/>
      <sheetName val="ChReserves"/>
      <sheetName val="CRM"/>
      <sheetName val="Secured"/>
      <sheetName val="Standardised"/>
      <sheetName val="IRB"/>
      <sheetName val="PD"/>
      <sheetName val="Rate&amp;Est"/>
      <sheetName val="ByRC"/>
      <sheetName val=" LGD"/>
      <sheetName val="CCF"/>
      <sheetName val="Compare"/>
      <sheetName val="Securitisation"/>
      <sheetName val="ABSportfolio"/>
      <sheetName val="TradingBook"/>
      <sheetName val="Cpty"/>
      <sheetName val="Op.risk"/>
      <sheetName val="TB"/>
      <sheetName val="BB"/>
      <sheetName val="BB Equity"/>
      <sheetName val="Liq risk"/>
      <sheetName val="Stress testing"/>
      <sheetName val="---Instruct"/>
      <sheetName val="---Terminology"/>
      <sheetName val="lmc"/>
      <sheetName val="--Secured(2)"/>
      <sheetName val="--More"/>
    </sheetNames>
    <sheetDataSet>
      <sheetData sheetId="0" refreshError="1"/>
      <sheetData sheetId="1">
        <row r="1">
          <cell r="A1" t="str">
            <v>SEB Group, pillar 3 disclosure 2012</v>
          </cell>
        </row>
      </sheetData>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refreshError="1"/>
      <sheetData sheetId="24" refreshError="1"/>
      <sheetData sheetId="25" refreshError="1"/>
      <sheetData sheetId="26" refreshError="1"/>
      <sheetData sheetId="27" refreshError="1"/>
      <sheetData sheetId="28" refreshError="1"/>
      <sheetData sheetId="29" refreshError="1"/>
      <sheetData sheetId="30" refreshError="1"/>
      <sheetData sheetId="31" refreshError="1"/>
      <sheetData sheetId="32" refreshError="1"/>
      <sheetData sheetId="33" refreshError="1"/>
      <sheetData sheetId="34" refreshError="1"/>
      <sheetData sheetId="35" refreshError="1"/>
      <sheetData sheetId="36" refreshError="1"/>
      <sheetData sheetId="37" refreshError="1"/>
      <sheetData sheetId="38" refreshError="1"/>
      <sheetData sheetId="39" refreshError="1"/>
      <sheetData sheetId="40" refreshError="1"/>
      <sheetData sheetId="41" refreshError="1"/>
      <sheetData sheetId="42"/>
      <sheetData sheetId="43" refreshError="1"/>
      <sheetData sheetId="44" refreshError="1"/>
    </sheetDataSet>
  </externalBook>
</externalLink>
</file>

<file path=xl/externalLinks/externalLink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xls].xls].xls].xls].xls].xls].xls].xls].xls].xls].xls].xls].xls].xls].xls].xls].xls].xls].xls].xls].xls].xls].xls].xls].xls].xls].xls].xls].xls].xls].xls].xls].xls].xls].xls].xls].xls].xls].xls].x"/>
    </sheetNames>
    <sheetDataSet>
      <sheetData sheetId="0" refreshError="1">
        <row r="1">
          <cell r="H1">
            <v>2</v>
          </cell>
        </row>
        <row r="2">
          <cell r="B2" t="str">
            <v>C10R1</v>
          </cell>
          <cell r="C2">
            <v>181173462</v>
          </cell>
        </row>
        <row r="3">
          <cell r="B3" t="str">
            <v>C10R10</v>
          </cell>
          <cell r="C3">
            <v>4201150</v>
          </cell>
        </row>
        <row r="4">
          <cell r="B4" t="str">
            <v>C10R11</v>
          </cell>
          <cell r="C4">
            <v>5581403</v>
          </cell>
        </row>
        <row r="5">
          <cell r="B5" t="str">
            <v>C10R12</v>
          </cell>
          <cell r="C5">
            <v>712597</v>
          </cell>
        </row>
        <row r="6">
          <cell r="B6" t="str">
            <v>C10R13</v>
          </cell>
          <cell r="C6">
            <v>816107</v>
          </cell>
        </row>
        <row r="7">
          <cell r="B7" t="str">
            <v>C10R14</v>
          </cell>
          <cell r="C7">
            <v>646496</v>
          </cell>
        </row>
        <row r="8">
          <cell r="B8" t="str">
            <v>C10R15</v>
          </cell>
          <cell r="C8">
            <v>325964</v>
          </cell>
        </row>
        <row r="9">
          <cell r="B9" t="str">
            <v>C10R150</v>
          </cell>
          <cell r="C9">
            <v>59585</v>
          </cell>
        </row>
        <row r="10">
          <cell r="B10" t="str">
            <v>C10R151</v>
          </cell>
          <cell r="C10">
            <v>0</v>
          </cell>
        </row>
        <row r="11">
          <cell r="B11" t="str">
            <v>C10R16</v>
          </cell>
          <cell r="C11">
            <v>156604</v>
          </cell>
        </row>
        <row r="12">
          <cell r="B12" t="str">
            <v>C10R17</v>
          </cell>
          <cell r="C12">
            <v>145378</v>
          </cell>
        </row>
        <row r="13">
          <cell r="B13" t="str">
            <v>C10R2</v>
          </cell>
          <cell r="C13">
            <v>181173462</v>
          </cell>
        </row>
        <row r="14">
          <cell r="B14" t="str">
            <v>C10R3</v>
          </cell>
          <cell r="C14">
            <v>7939455</v>
          </cell>
        </row>
        <row r="15">
          <cell r="B15" t="str">
            <v>C10R4</v>
          </cell>
          <cell r="C15">
            <v>17258210</v>
          </cell>
        </row>
        <row r="16">
          <cell r="B16" t="str">
            <v>C10R5</v>
          </cell>
          <cell r="C16">
            <v>71920009</v>
          </cell>
        </row>
        <row r="17">
          <cell r="B17" t="str">
            <v>C10R6</v>
          </cell>
          <cell r="C17">
            <v>41728144</v>
          </cell>
        </row>
        <row r="18">
          <cell r="B18" t="str">
            <v>C10R7</v>
          </cell>
          <cell r="C18">
            <v>15211749</v>
          </cell>
        </row>
        <row r="19">
          <cell r="B19" t="str">
            <v>C10R8</v>
          </cell>
          <cell r="C19">
            <v>8289139</v>
          </cell>
        </row>
        <row r="20">
          <cell r="B20" t="str">
            <v>C10R9</v>
          </cell>
          <cell r="C20">
            <v>6181471</v>
          </cell>
        </row>
        <row r="21">
          <cell r="B21" t="str">
            <v>C11R10</v>
          </cell>
          <cell r="C21">
            <v>1286781</v>
          </cell>
        </row>
        <row r="22">
          <cell r="B22" t="str">
            <v>C11R11</v>
          </cell>
          <cell r="C22">
            <v>1567458</v>
          </cell>
        </row>
        <row r="23">
          <cell r="B23" t="str">
            <v>C11R12</v>
          </cell>
          <cell r="C23">
            <v>474065</v>
          </cell>
        </row>
        <row r="24">
          <cell r="B24" t="str">
            <v>C11R13</v>
          </cell>
          <cell r="C24">
            <v>133822</v>
          </cell>
        </row>
        <row r="25">
          <cell r="B25" t="str">
            <v>C11R14</v>
          </cell>
          <cell r="C25">
            <v>393006</v>
          </cell>
        </row>
        <row r="26">
          <cell r="B26" t="str">
            <v>C11R15</v>
          </cell>
          <cell r="C26">
            <v>228061</v>
          </cell>
        </row>
        <row r="27">
          <cell r="B27" t="str">
            <v>C11R150</v>
          </cell>
          <cell r="C27">
            <v>2000</v>
          </cell>
        </row>
        <row r="28">
          <cell r="B28" t="str">
            <v>C11R151</v>
          </cell>
          <cell r="C28">
            <v>0</v>
          </cell>
        </row>
        <row r="29">
          <cell r="B29" t="str">
            <v>C11R16</v>
          </cell>
          <cell r="C29">
            <v>138492</v>
          </cell>
        </row>
        <row r="30">
          <cell r="B30" t="str">
            <v>C11R17</v>
          </cell>
          <cell r="C30">
            <v>80268</v>
          </cell>
        </row>
        <row r="31">
          <cell r="B31" t="str">
            <v>C11R2</v>
          </cell>
          <cell r="C31">
            <v>20420845</v>
          </cell>
        </row>
        <row r="32">
          <cell r="B32" t="str">
            <v>C11R3</v>
          </cell>
          <cell r="C32">
            <v>30603</v>
          </cell>
        </row>
        <row r="33">
          <cell r="B33" t="str">
            <v>C11R4</v>
          </cell>
          <cell r="C33">
            <v>2593776</v>
          </cell>
        </row>
        <row r="34">
          <cell r="B34" t="str">
            <v>C11R5</v>
          </cell>
          <cell r="C34">
            <v>5470616</v>
          </cell>
        </row>
        <row r="35">
          <cell r="B35" t="str">
            <v>C11R6</v>
          </cell>
          <cell r="C35">
            <v>2690967</v>
          </cell>
        </row>
        <row r="36">
          <cell r="B36" t="str">
            <v>C11R7</v>
          </cell>
          <cell r="C36">
            <v>2000909</v>
          </cell>
        </row>
        <row r="37">
          <cell r="B37" t="str">
            <v>C11R8</v>
          </cell>
          <cell r="C37">
            <v>1318987</v>
          </cell>
        </row>
        <row r="38">
          <cell r="B38" t="str">
            <v>C11R9</v>
          </cell>
          <cell r="C38">
            <v>2011034</v>
          </cell>
        </row>
        <row r="39">
          <cell r="B39" t="str">
            <v>C12R1</v>
          </cell>
          <cell r="C39">
            <v>169045304</v>
          </cell>
        </row>
        <row r="40">
          <cell r="B40" t="str">
            <v>C12R10</v>
          </cell>
          <cell r="C40">
            <v>3363785</v>
          </cell>
        </row>
        <row r="41">
          <cell r="B41" t="str">
            <v>C12R11</v>
          </cell>
          <cell r="C41">
            <v>4456720</v>
          </cell>
        </row>
        <row r="42">
          <cell r="B42" t="str">
            <v>C12R12</v>
          </cell>
          <cell r="C42">
            <v>458484</v>
          </cell>
        </row>
        <row r="43">
          <cell r="B43" t="str">
            <v>C12R13</v>
          </cell>
          <cell r="C43">
            <v>734702</v>
          </cell>
        </row>
        <row r="44">
          <cell r="B44" t="str">
            <v>C12R14</v>
          </cell>
          <cell r="C44">
            <v>294460</v>
          </cell>
        </row>
        <row r="45">
          <cell r="B45" t="str">
            <v>C12R15</v>
          </cell>
          <cell r="C45">
            <v>136194</v>
          </cell>
        </row>
        <row r="46">
          <cell r="B46" t="str">
            <v>C12R150</v>
          </cell>
          <cell r="C46">
            <v>58185</v>
          </cell>
        </row>
        <row r="47">
          <cell r="B47" t="str">
            <v>C12R151</v>
          </cell>
          <cell r="C47">
            <v>0</v>
          </cell>
        </row>
        <row r="48">
          <cell r="B48" t="str">
            <v>C12R16</v>
          </cell>
          <cell r="C48">
            <v>39294</v>
          </cell>
        </row>
        <row r="49">
          <cell r="B49" t="str">
            <v>C12R17</v>
          </cell>
          <cell r="C49">
            <v>79279</v>
          </cell>
        </row>
        <row r="50">
          <cell r="B50" t="str">
            <v>C12R2</v>
          </cell>
          <cell r="C50">
            <v>169045304</v>
          </cell>
        </row>
        <row r="51">
          <cell r="B51" t="str">
            <v>C12R3</v>
          </cell>
          <cell r="C51">
            <v>7918206</v>
          </cell>
        </row>
        <row r="52">
          <cell r="B52" t="str">
            <v>C12R4</v>
          </cell>
          <cell r="C52">
            <v>15512494</v>
          </cell>
        </row>
        <row r="53">
          <cell r="B53" t="str">
            <v>C12R5</v>
          </cell>
          <cell r="C53">
            <v>68820581</v>
          </cell>
        </row>
        <row r="54">
          <cell r="B54" t="str">
            <v>C12R6</v>
          </cell>
          <cell r="C54">
            <v>40149833</v>
          </cell>
        </row>
        <row r="55">
          <cell r="B55" t="str">
            <v>C12R7</v>
          </cell>
          <cell r="C55">
            <v>14378782</v>
          </cell>
        </row>
        <row r="56">
          <cell r="B56" t="str">
            <v>C12R8</v>
          </cell>
          <cell r="C56">
            <v>7708499</v>
          </cell>
        </row>
        <row r="57">
          <cell r="B57" t="str">
            <v>C12R9</v>
          </cell>
          <cell r="C57">
            <v>4935806</v>
          </cell>
        </row>
        <row r="58">
          <cell r="B58" t="str">
            <v>C13R10</v>
          </cell>
          <cell r="C58">
            <v>449416</v>
          </cell>
        </row>
        <row r="59">
          <cell r="B59" t="str">
            <v>C13R11</v>
          </cell>
          <cell r="C59">
            <v>442775</v>
          </cell>
        </row>
        <row r="60">
          <cell r="B60" t="str">
            <v>C13R12</v>
          </cell>
          <cell r="C60">
            <v>219952</v>
          </cell>
        </row>
        <row r="61">
          <cell r="B61" t="str">
            <v>C13R13</v>
          </cell>
          <cell r="C61">
            <v>52417</v>
          </cell>
        </row>
        <row r="62">
          <cell r="B62" t="str">
            <v>C13R14</v>
          </cell>
          <cell r="C62">
            <v>40970</v>
          </cell>
        </row>
        <row r="63">
          <cell r="B63" t="str">
            <v>C13R15</v>
          </cell>
          <cell r="C63">
            <v>38291</v>
          </cell>
        </row>
        <row r="64">
          <cell r="B64" t="str">
            <v>C13R150</v>
          </cell>
          <cell r="C64">
            <v>600</v>
          </cell>
        </row>
        <row r="65">
          <cell r="B65" t="str">
            <v>C13R151</v>
          </cell>
          <cell r="C65">
            <v>0</v>
          </cell>
        </row>
        <row r="66">
          <cell r="B66" t="str">
            <v>C13R16</v>
          </cell>
          <cell r="C66">
            <v>21182</v>
          </cell>
        </row>
        <row r="67">
          <cell r="B67" t="str">
            <v>C13R17</v>
          </cell>
          <cell r="C67">
            <v>14169</v>
          </cell>
        </row>
        <row r="68">
          <cell r="B68" t="str">
            <v>C13R2</v>
          </cell>
          <cell r="C68">
            <v>8292686</v>
          </cell>
        </row>
        <row r="69">
          <cell r="B69" t="str">
            <v>C13R3</v>
          </cell>
          <cell r="C69">
            <v>9353</v>
          </cell>
        </row>
        <row r="70">
          <cell r="B70" t="str">
            <v>C13R4</v>
          </cell>
          <cell r="C70">
            <v>848060</v>
          </cell>
        </row>
        <row r="71">
          <cell r="B71" t="str">
            <v>C13R5</v>
          </cell>
          <cell r="C71">
            <v>2371187</v>
          </cell>
        </row>
        <row r="72">
          <cell r="B72" t="str">
            <v>C13R6</v>
          </cell>
          <cell r="C72">
            <v>1112656</v>
          </cell>
        </row>
        <row r="73">
          <cell r="B73" t="str">
            <v>C13R7</v>
          </cell>
          <cell r="C73">
            <v>1167942</v>
          </cell>
        </row>
        <row r="74">
          <cell r="B74" t="str">
            <v>C13R8</v>
          </cell>
          <cell r="C74">
            <v>738346</v>
          </cell>
        </row>
        <row r="75">
          <cell r="B75" t="str">
            <v>C13R9</v>
          </cell>
          <cell r="C75">
            <v>765369</v>
          </cell>
        </row>
        <row r="76">
          <cell r="B76" t="str">
            <v>C14R1</v>
          </cell>
          <cell r="C76">
            <v>1178025</v>
          </cell>
        </row>
        <row r="77">
          <cell r="B77" t="str">
            <v>C14R10</v>
          </cell>
          <cell r="C77">
            <v>0</v>
          </cell>
        </row>
        <row r="78">
          <cell r="B78" t="str">
            <v>C14R11</v>
          </cell>
          <cell r="C78">
            <v>2277</v>
          </cell>
        </row>
        <row r="79">
          <cell r="B79" t="str">
            <v>C14R12</v>
          </cell>
          <cell r="C79">
            <v>41</v>
          </cell>
        </row>
        <row r="80">
          <cell r="B80" t="str">
            <v>C14R13</v>
          </cell>
          <cell r="C80">
            <v>0</v>
          </cell>
        </row>
        <row r="81">
          <cell r="B81" t="str">
            <v>C14R14</v>
          </cell>
          <cell r="C81">
            <v>0</v>
          </cell>
        </row>
        <row r="82">
          <cell r="B82" t="str">
            <v>C14R15</v>
          </cell>
          <cell r="C82">
            <v>0</v>
          </cell>
        </row>
        <row r="83">
          <cell r="B83" t="str">
            <v>C14R150</v>
          </cell>
          <cell r="C83">
            <v>0</v>
          </cell>
        </row>
        <row r="84">
          <cell r="B84" t="str">
            <v>C14R16</v>
          </cell>
          <cell r="C84">
            <v>0</v>
          </cell>
        </row>
        <row r="85">
          <cell r="B85" t="str">
            <v>C14R17</v>
          </cell>
          <cell r="C85">
            <v>0</v>
          </cell>
        </row>
        <row r="86">
          <cell r="B86" t="str">
            <v>C14R2</v>
          </cell>
          <cell r="C86">
            <v>1178025</v>
          </cell>
        </row>
        <row r="87">
          <cell r="B87" t="str">
            <v>C14R3</v>
          </cell>
          <cell r="C87">
            <v>9107</v>
          </cell>
        </row>
        <row r="88">
          <cell r="B88" t="str">
            <v>C14R4</v>
          </cell>
          <cell r="C88">
            <v>37429</v>
          </cell>
        </row>
        <row r="89">
          <cell r="B89" t="str">
            <v>C14R5</v>
          </cell>
          <cell r="C89">
            <v>1039234</v>
          </cell>
        </row>
        <row r="90">
          <cell r="B90" t="str">
            <v>C14R6</v>
          </cell>
          <cell r="C90">
            <v>65744</v>
          </cell>
        </row>
        <row r="91">
          <cell r="B91" t="str">
            <v>C14R7</v>
          </cell>
          <cell r="C91">
            <v>0</v>
          </cell>
        </row>
        <row r="92">
          <cell r="B92" t="str">
            <v>C14R8</v>
          </cell>
          <cell r="C92">
            <v>22768</v>
          </cell>
        </row>
        <row r="93">
          <cell r="B93" t="str">
            <v>C14R9</v>
          </cell>
          <cell r="C93">
            <v>1425</v>
          </cell>
        </row>
        <row r="94">
          <cell r="B94" t="str">
            <v>C15R1</v>
          </cell>
          <cell r="C94">
            <v>24590</v>
          </cell>
        </row>
        <row r="95">
          <cell r="B95" t="str">
            <v>C15R10</v>
          </cell>
          <cell r="C95">
            <v>0</v>
          </cell>
        </row>
        <row r="96">
          <cell r="B96" t="str">
            <v>C15R11</v>
          </cell>
          <cell r="C96">
            <v>0</v>
          </cell>
        </row>
        <row r="97">
          <cell r="B97" t="str">
            <v>C15R12</v>
          </cell>
          <cell r="C97">
            <v>0</v>
          </cell>
        </row>
        <row r="98">
          <cell r="B98" t="str">
            <v>C15R13</v>
          </cell>
          <cell r="C98">
            <v>0</v>
          </cell>
        </row>
        <row r="99">
          <cell r="B99" t="str">
            <v>C15R14</v>
          </cell>
          <cell r="C99">
            <v>0</v>
          </cell>
        </row>
        <row r="100">
          <cell r="B100" t="str">
            <v>C15R15</v>
          </cell>
          <cell r="C100">
            <v>0</v>
          </cell>
        </row>
        <row r="101">
          <cell r="B101" t="str">
            <v>C15R150</v>
          </cell>
          <cell r="C101">
            <v>0</v>
          </cell>
        </row>
        <row r="102">
          <cell r="B102" t="str">
            <v>C15R16</v>
          </cell>
          <cell r="C102">
            <v>0</v>
          </cell>
        </row>
        <row r="103">
          <cell r="B103" t="str">
            <v>C15R17</v>
          </cell>
          <cell r="C103">
            <v>0</v>
          </cell>
        </row>
        <row r="104">
          <cell r="B104" t="str">
            <v>C15R2</v>
          </cell>
          <cell r="C104">
            <v>24590</v>
          </cell>
        </row>
        <row r="105">
          <cell r="B105" t="str">
            <v>C15R3</v>
          </cell>
          <cell r="C105">
            <v>0</v>
          </cell>
        </row>
        <row r="106">
          <cell r="B106" t="str">
            <v>C15R4</v>
          </cell>
          <cell r="C106">
            <v>0</v>
          </cell>
        </row>
        <row r="107">
          <cell r="B107" t="str">
            <v>C15R5</v>
          </cell>
          <cell r="C107">
            <v>24590</v>
          </cell>
        </row>
        <row r="108">
          <cell r="B108" t="str">
            <v>C15R6</v>
          </cell>
          <cell r="C108">
            <v>0</v>
          </cell>
        </row>
        <row r="109">
          <cell r="B109" t="str">
            <v>C15R7</v>
          </cell>
          <cell r="C109">
            <v>0</v>
          </cell>
        </row>
        <row r="110">
          <cell r="B110" t="str">
            <v>C15R8</v>
          </cell>
          <cell r="C110">
            <v>0</v>
          </cell>
        </row>
        <row r="111">
          <cell r="B111" t="str">
            <v>C15R9</v>
          </cell>
          <cell r="C111">
            <v>0</v>
          </cell>
        </row>
        <row r="112">
          <cell r="B112" t="str">
            <v>C16R1</v>
          </cell>
          <cell r="C112">
            <v>37602</v>
          </cell>
        </row>
        <row r="113">
          <cell r="B113" t="str">
            <v>C16R10</v>
          </cell>
          <cell r="C113">
            <v>0</v>
          </cell>
        </row>
        <row r="114">
          <cell r="B114" t="str">
            <v>C16R11</v>
          </cell>
          <cell r="C114">
            <v>0</v>
          </cell>
        </row>
        <row r="115">
          <cell r="B115" t="str">
            <v>C16R12</v>
          </cell>
          <cell r="C115">
            <v>0</v>
          </cell>
        </row>
        <row r="116">
          <cell r="B116" t="str">
            <v>C16R13</v>
          </cell>
          <cell r="C116">
            <v>0</v>
          </cell>
        </row>
        <row r="117">
          <cell r="B117" t="str">
            <v>C16R14</v>
          </cell>
          <cell r="C117">
            <v>0</v>
          </cell>
        </row>
        <row r="118">
          <cell r="B118" t="str">
            <v>C16R15</v>
          </cell>
          <cell r="C118">
            <v>0</v>
          </cell>
        </row>
        <row r="119">
          <cell r="B119" t="str">
            <v>C16R150</v>
          </cell>
          <cell r="C119">
            <v>0</v>
          </cell>
        </row>
        <row r="120">
          <cell r="B120" t="str">
            <v>C16R16</v>
          </cell>
          <cell r="C120">
            <v>0</v>
          </cell>
        </row>
        <row r="121">
          <cell r="B121" t="str">
            <v>C16R17</v>
          </cell>
          <cell r="C121">
            <v>0</v>
          </cell>
        </row>
        <row r="122">
          <cell r="B122" t="str">
            <v>C16R2</v>
          </cell>
          <cell r="C122">
            <v>37602</v>
          </cell>
        </row>
        <row r="123">
          <cell r="B123" t="str">
            <v>C16R3</v>
          </cell>
          <cell r="C123">
            <v>0</v>
          </cell>
        </row>
        <row r="124">
          <cell r="B124" t="str">
            <v>C16R4</v>
          </cell>
          <cell r="C124">
            <v>0</v>
          </cell>
        </row>
        <row r="125">
          <cell r="B125" t="str">
            <v>C16R5</v>
          </cell>
          <cell r="C125">
            <v>0</v>
          </cell>
        </row>
        <row r="126">
          <cell r="B126" t="str">
            <v>C16R6</v>
          </cell>
          <cell r="C126">
            <v>3376</v>
          </cell>
        </row>
        <row r="127">
          <cell r="B127" t="str">
            <v>C16R7</v>
          </cell>
          <cell r="C127">
            <v>0</v>
          </cell>
        </row>
        <row r="128">
          <cell r="B128" t="str">
            <v>C16R8</v>
          </cell>
          <cell r="C128">
            <v>5113</v>
          </cell>
        </row>
        <row r="129">
          <cell r="B129" t="str">
            <v>C16R9</v>
          </cell>
          <cell r="C129">
            <v>29114</v>
          </cell>
        </row>
        <row r="130">
          <cell r="B130" t="str">
            <v>C17R1</v>
          </cell>
          <cell r="C130">
            <v>33943900</v>
          </cell>
        </row>
        <row r="131">
          <cell r="B131" t="str">
            <v>C17R10</v>
          </cell>
          <cell r="C131">
            <v>146774</v>
          </cell>
        </row>
        <row r="132">
          <cell r="B132" t="str">
            <v>C17R11</v>
          </cell>
          <cell r="C132">
            <v>51811</v>
          </cell>
        </row>
        <row r="133">
          <cell r="B133" t="str">
            <v>C17R12</v>
          </cell>
          <cell r="C133">
            <v>43598</v>
          </cell>
        </row>
        <row r="134">
          <cell r="B134" t="str">
            <v>C17R13</v>
          </cell>
          <cell r="C134">
            <v>0</v>
          </cell>
        </row>
        <row r="135">
          <cell r="B135" t="str">
            <v>C17R14</v>
          </cell>
          <cell r="C135">
            <v>0</v>
          </cell>
        </row>
        <row r="136">
          <cell r="B136" t="str">
            <v>C17R15</v>
          </cell>
          <cell r="C136">
            <v>16639</v>
          </cell>
        </row>
        <row r="137">
          <cell r="B137" t="str">
            <v>C17R150</v>
          </cell>
          <cell r="C137">
            <v>0</v>
          </cell>
        </row>
        <row r="138">
          <cell r="B138" t="str">
            <v>C17R151</v>
          </cell>
          <cell r="C138">
            <v>0</v>
          </cell>
        </row>
        <row r="139">
          <cell r="B139" t="str">
            <v>C17R16</v>
          </cell>
          <cell r="C139">
            <v>0</v>
          </cell>
        </row>
        <row r="140">
          <cell r="B140" t="str">
            <v>C17R17</v>
          </cell>
          <cell r="C140">
            <v>0</v>
          </cell>
        </row>
        <row r="141">
          <cell r="B141" t="str">
            <v>C17R2</v>
          </cell>
          <cell r="C141">
            <v>33943900</v>
          </cell>
        </row>
        <row r="142">
          <cell r="B142" t="str">
            <v>C17R3</v>
          </cell>
          <cell r="C142">
            <v>2745944</v>
          </cell>
        </row>
        <row r="143">
          <cell r="B143" t="str">
            <v>C17R4</v>
          </cell>
          <cell r="C143">
            <v>3904956</v>
          </cell>
        </row>
        <row r="144">
          <cell r="B144" t="str">
            <v>C17R5</v>
          </cell>
          <cell r="C144">
            <v>12884820</v>
          </cell>
        </row>
        <row r="145">
          <cell r="B145" t="str">
            <v>C17R6</v>
          </cell>
          <cell r="C145">
            <v>7916243</v>
          </cell>
        </row>
        <row r="146">
          <cell r="B146" t="str">
            <v>C17R7</v>
          </cell>
          <cell r="C146">
            <v>5755845</v>
          </cell>
        </row>
        <row r="147">
          <cell r="B147" t="str">
            <v>C17R8</v>
          </cell>
          <cell r="C147">
            <v>52890</v>
          </cell>
        </row>
        <row r="148">
          <cell r="B148" t="str">
            <v>C17R9</v>
          </cell>
          <cell r="C148">
            <v>424381</v>
          </cell>
        </row>
        <row r="149">
          <cell r="B149" t="str">
            <v>C18R1</v>
          </cell>
          <cell r="C149">
            <v>5570</v>
          </cell>
        </row>
        <row r="150">
          <cell r="B150" t="str">
            <v>C18R10</v>
          </cell>
          <cell r="C150">
            <v>0</v>
          </cell>
        </row>
        <row r="151">
          <cell r="B151" t="str">
            <v>C18R11</v>
          </cell>
          <cell r="C151">
            <v>0</v>
          </cell>
        </row>
        <row r="152">
          <cell r="B152" t="str">
            <v>C18R12</v>
          </cell>
          <cell r="C152">
            <v>0</v>
          </cell>
        </row>
        <row r="153">
          <cell r="B153" t="str">
            <v>C18R13</v>
          </cell>
          <cell r="C153">
            <v>0</v>
          </cell>
        </row>
        <row r="154">
          <cell r="B154" t="str">
            <v>C18R14</v>
          </cell>
          <cell r="C154">
            <v>0</v>
          </cell>
        </row>
        <row r="155">
          <cell r="B155" t="str">
            <v>C18R15</v>
          </cell>
          <cell r="C155">
            <v>0</v>
          </cell>
        </row>
        <row r="156">
          <cell r="B156" t="str">
            <v>C18R150</v>
          </cell>
          <cell r="C156">
            <v>0</v>
          </cell>
        </row>
        <row r="157">
          <cell r="B157" t="str">
            <v>C18R151</v>
          </cell>
          <cell r="C157">
            <v>0</v>
          </cell>
        </row>
        <row r="158">
          <cell r="B158" t="str">
            <v>C18R16</v>
          </cell>
          <cell r="C158">
            <v>0</v>
          </cell>
        </row>
        <row r="159">
          <cell r="B159" t="str">
            <v>C18R17</v>
          </cell>
          <cell r="C159">
            <v>0</v>
          </cell>
        </row>
        <row r="160">
          <cell r="B160" t="str">
            <v>C18R2</v>
          </cell>
          <cell r="C160">
            <v>5570</v>
          </cell>
        </row>
        <row r="161">
          <cell r="B161" t="str">
            <v>C18R3</v>
          </cell>
          <cell r="C161">
            <v>0</v>
          </cell>
        </row>
        <row r="162">
          <cell r="B162" t="str">
            <v>C18R4</v>
          </cell>
          <cell r="C162">
            <v>2429</v>
          </cell>
        </row>
        <row r="163">
          <cell r="B163" t="str">
            <v>C18R5</v>
          </cell>
          <cell r="C163">
            <v>0</v>
          </cell>
        </row>
        <row r="164">
          <cell r="B164" t="str">
            <v>C18R6</v>
          </cell>
          <cell r="C164">
            <v>0</v>
          </cell>
        </row>
        <row r="165">
          <cell r="B165" t="str">
            <v>C18R7</v>
          </cell>
          <cell r="C165">
            <v>0</v>
          </cell>
        </row>
        <row r="166">
          <cell r="B166" t="str">
            <v>C18R8</v>
          </cell>
          <cell r="C166">
            <v>0</v>
          </cell>
        </row>
        <row r="167">
          <cell r="B167" t="str">
            <v>C18R9</v>
          </cell>
          <cell r="C167">
            <v>3141</v>
          </cell>
        </row>
        <row r="168">
          <cell r="B168" t="str">
            <v>C19R1</v>
          </cell>
          <cell r="C168">
            <v>0</v>
          </cell>
        </row>
        <row r="169">
          <cell r="B169" t="str">
            <v>C19R10</v>
          </cell>
          <cell r="C169">
            <v>0</v>
          </cell>
        </row>
        <row r="170">
          <cell r="B170" t="str">
            <v>C19R11</v>
          </cell>
          <cell r="C170">
            <v>0</v>
          </cell>
        </row>
        <row r="171">
          <cell r="B171" t="str">
            <v>C19R12</v>
          </cell>
          <cell r="C171">
            <v>0</v>
          </cell>
        </row>
        <row r="172">
          <cell r="B172" t="str">
            <v>C19R13</v>
          </cell>
          <cell r="C172">
            <v>0</v>
          </cell>
        </row>
        <row r="173">
          <cell r="B173" t="str">
            <v>C19R14</v>
          </cell>
          <cell r="C173">
            <v>0</v>
          </cell>
        </row>
        <row r="174">
          <cell r="B174" t="str">
            <v>C19R15</v>
          </cell>
          <cell r="C174">
            <v>0</v>
          </cell>
        </row>
        <row r="175">
          <cell r="B175" t="str">
            <v>C19R150</v>
          </cell>
          <cell r="C175">
            <v>0</v>
          </cell>
        </row>
        <row r="176">
          <cell r="B176" t="str">
            <v>C19R151</v>
          </cell>
          <cell r="C176">
            <v>0</v>
          </cell>
        </row>
        <row r="177">
          <cell r="B177" t="str">
            <v>C19R16</v>
          </cell>
          <cell r="C177">
            <v>0</v>
          </cell>
        </row>
        <row r="178">
          <cell r="B178" t="str">
            <v>C19R17</v>
          </cell>
          <cell r="C178">
            <v>0</v>
          </cell>
        </row>
        <row r="179">
          <cell r="B179" t="str">
            <v>C19R2</v>
          </cell>
          <cell r="C179">
            <v>0</v>
          </cell>
        </row>
        <row r="180">
          <cell r="B180" t="str">
            <v>C19R3</v>
          </cell>
          <cell r="C180">
            <v>0</v>
          </cell>
        </row>
        <row r="181">
          <cell r="B181" t="str">
            <v>C19R4</v>
          </cell>
          <cell r="C181">
            <v>0</v>
          </cell>
        </row>
        <row r="182">
          <cell r="B182" t="str">
            <v>C19R5</v>
          </cell>
          <cell r="C182">
            <v>0</v>
          </cell>
        </row>
        <row r="183">
          <cell r="B183" t="str">
            <v>C19R6</v>
          </cell>
          <cell r="C183">
            <v>0</v>
          </cell>
        </row>
        <row r="184">
          <cell r="B184" t="str">
            <v>C19R7</v>
          </cell>
          <cell r="C184">
            <v>0</v>
          </cell>
        </row>
        <row r="185">
          <cell r="B185" t="str">
            <v>C19R8</v>
          </cell>
          <cell r="C185">
            <v>0</v>
          </cell>
        </row>
        <row r="186">
          <cell r="B186" t="str">
            <v>C19R9</v>
          </cell>
          <cell r="C186">
            <v>0</v>
          </cell>
        </row>
        <row r="187">
          <cell r="B187" t="str">
            <v>C20R1</v>
          </cell>
          <cell r="C187">
            <v>2415156</v>
          </cell>
        </row>
        <row r="188">
          <cell r="B188" t="str">
            <v>C20R10</v>
          </cell>
          <cell r="C188">
            <v>0</v>
          </cell>
        </row>
        <row r="189">
          <cell r="B189" t="str">
            <v>C20R11</v>
          </cell>
          <cell r="C189">
            <v>0</v>
          </cell>
        </row>
        <row r="190">
          <cell r="B190" t="str">
            <v>C20R12</v>
          </cell>
          <cell r="C190">
            <v>0</v>
          </cell>
        </row>
        <row r="191">
          <cell r="B191" t="str">
            <v>C20R13</v>
          </cell>
          <cell r="C191">
            <v>0</v>
          </cell>
        </row>
        <row r="192">
          <cell r="B192" t="str">
            <v>C20R14</v>
          </cell>
          <cell r="C192">
            <v>0</v>
          </cell>
        </row>
        <row r="193">
          <cell r="B193" t="str">
            <v>C20R15</v>
          </cell>
          <cell r="C193">
            <v>0</v>
          </cell>
        </row>
        <row r="194">
          <cell r="B194" t="str">
            <v>C20R150</v>
          </cell>
          <cell r="C194">
            <v>0</v>
          </cell>
        </row>
        <row r="195">
          <cell r="B195" t="str">
            <v>C20R151</v>
          </cell>
          <cell r="C195">
            <v>0</v>
          </cell>
        </row>
        <row r="196">
          <cell r="B196" t="str">
            <v>C20R16</v>
          </cell>
          <cell r="C196">
            <v>0</v>
          </cell>
        </row>
        <row r="197">
          <cell r="B197" t="str">
            <v>C20R17</v>
          </cell>
          <cell r="C197">
            <v>0</v>
          </cell>
        </row>
        <row r="198">
          <cell r="B198" t="str">
            <v>C20R2</v>
          </cell>
          <cell r="C198">
            <v>2415156</v>
          </cell>
        </row>
        <row r="199">
          <cell r="B199" t="str">
            <v>C20R3</v>
          </cell>
          <cell r="C199">
            <v>0</v>
          </cell>
        </row>
        <row r="200">
          <cell r="B200" t="str">
            <v>C20R4</v>
          </cell>
          <cell r="C200">
            <v>0</v>
          </cell>
        </row>
        <row r="201">
          <cell r="B201" t="str">
            <v>C20R5</v>
          </cell>
          <cell r="C201">
            <v>0</v>
          </cell>
        </row>
        <row r="202">
          <cell r="B202" t="str">
            <v>C20R6</v>
          </cell>
          <cell r="C202">
            <v>2415156</v>
          </cell>
        </row>
        <row r="203">
          <cell r="B203" t="str">
            <v>C20R7</v>
          </cell>
          <cell r="C203">
            <v>0</v>
          </cell>
        </row>
        <row r="204">
          <cell r="B204" t="str">
            <v>C20R8</v>
          </cell>
          <cell r="C204">
            <v>0</v>
          </cell>
        </row>
        <row r="205">
          <cell r="B205" t="str">
            <v>C20R9</v>
          </cell>
          <cell r="C205">
            <v>0</v>
          </cell>
        </row>
        <row r="206">
          <cell r="B206" t="str">
            <v>C21R1</v>
          </cell>
          <cell r="C206">
            <v>0</v>
          </cell>
        </row>
        <row r="207">
          <cell r="B207" t="str">
            <v>C21R10</v>
          </cell>
          <cell r="C207">
            <v>0</v>
          </cell>
        </row>
        <row r="208">
          <cell r="B208" t="str">
            <v>C21R11</v>
          </cell>
          <cell r="C208">
            <v>0</v>
          </cell>
        </row>
        <row r="209">
          <cell r="B209" t="str">
            <v>C21R12</v>
          </cell>
          <cell r="C209">
            <v>0</v>
          </cell>
        </row>
        <row r="210">
          <cell r="B210" t="str">
            <v>C21R13</v>
          </cell>
          <cell r="C210">
            <v>0</v>
          </cell>
        </row>
        <row r="211">
          <cell r="B211" t="str">
            <v>C21R14</v>
          </cell>
          <cell r="C211">
            <v>0</v>
          </cell>
        </row>
        <row r="212">
          <cell r="B212" t="str">
            <v>C21R15</v>
          </cell>
          <cell r="C212">
            <v>0</v>
          </cell>
        </row>
        <row r="213">
          <cell r="B213" t="str">
            <v>C21R150</v>
          </cell>
          <cell r="C213">
            <v>0</v>
          </cell>
        </row>
        <row r="214">
          <cell r="B214" t="str">
            <v>C21R151</v>
          </cell>
          <cell r="C214">
            <v>0</v>
          </cell>
        </row>
        <row r="215">
          <cell r="B215" t="str">
            <v>C21R16</v>
          </cell>
          <cell r="C215">
            <v>0</v>
          </cell>
        </row>
        <row r="216">
          <cell r="B216" t="str">
            <v>C21R17</v>
          </cell>
          <cell r="C216">
            <v>0</v>
          </cell>
        </row>
        <row r="217">
          <cell r="B217" t="str">
            <v>C21R2</v>
          </cell>
          <cell r="C217">
            <v>0</v>
          </cell>
        </row>
        <row r="218">
          <cell r="B218" t="str">
            <v>C21R3</v>
          </cell>
          <cell r="C218">
            <v>0</v>
          </cell>
        </row>
        <row r="219">
          <cell r="B219" t="str">
            <v>C21R4</v>
          </cell>
          <cell r="C219">
            <v>0</v>
          </cell>
        </row>
        <row r="220">
          <cell r="B220" t="str">
            <v>C21R5</v>
          </cell>
          <cell r="C220">
            <v>0</v>
          </cell>
        </row>
        <row r="221">
          <cell r="B221" t="str">
            <v>C21R6</v>
          </cell>
          <cell r="C221">
            <v>0</v>
          </cell>
        </row>
        <row r="222">
          <cell r="B222" t="str">
            <v>C21R7</v>
          </cell>
          <cell r="C222">
            <v>0</v>
          </cell>
        </row>
        <row r="223">
          <cell r="B223" t="str">
            <v>C21R8</v>
          </cell>
          <cell r="C223">
            <v>0</v>
          </cell>
        </row>
        <row r="224">
          <cell r="B224" t="str">
            <v>C21R9</v>
          </cell>
          <cell r="C224">
            <v>0</v>
          </cell>
        </row>
        <row r="225">
          <cell r="B225" t="str">
            <v>C22R1</v>
          </cell>
          <cell r="C225">
            <v>30.612400000000001</v>
          </cell>
        </row>
        <row r="226">
          <cell r="B226" t="str">
            <v>C22R10</v>
          </cell>
          <cell r="C226">
            <v>29.967099999999999</v>
          </cell>
        </row>
        <row r="227">
          <cell r="B227" t="str">
            <v>C22R11</v>
          </cell>
          <cell r="C227">
            <v>20.362200000000001</v>
          </cell>
        </row>
        <row r="228">
          <cell r="B228" t="str">
            <v>C22R12</v>
          </cell>
          <cell r="C228">
            <v>26.968299999999999</v>
          </cell>
        </row>
        <row r="229">
          <cell r="B229" t="str">
            <v>C22R13</v>
          </cell>
          <cell r="C229">
            <v>41.676400000000001</v>
          </cell>
        </row>
        <row r="230">
          <cell r="B230" t="str">
            <v>C22R14</v>
          </cell>
          <cell r="C230">
            <v>54.882300000000001</v>
          </cell>
        </row>
        <row r="231">
          <cell r="B231" t="str">
            <v>C22R15</v>
          </cell>
          <cell r="C231">
            <v>49.018900000000002</v>
          </cell>
        </row>
        <row r="232">
          <cell r="B232" t="str">
            <v>C22R150</v>
          </cell>
          <cell r="C232">
            <v>41.726300000000002</v>
          </cell>
        </row>
        <row r="233">
          <cell r="B233" t="str">
            <v>C22R16</v>
          </cell>
          <cell r="C233">
            <v>54.786499999999997</v>
          </cell>
        </row>
        <row r="234">
          <cell r="B234" t="str">
            <v>C22R17</v>
          </cell>
          <cell r="C234">
            <v>20.262799999999999</v>
          </cell>
        </row>
        <row r="235">
          <cell r="B235" t="str">
            <v>C22R2</v>
          </cell>
          <cell r="C235">
            <v>30.612400000000001</v>
          </cell>
        </row>
        <row r="236">
          <cell r="B236" t="str">
            <v>C22R3</v>
          </cell>
          <cell r="C236">
            <v>19.883299999999998</v>
          </cell>
        </row>
        <row r="237">
          <cell r="B237" t="str">
            <v>C22R4</v>
          </cell>
          <cell r="C237">
            <v>31.53</v>
          </cell>
        </row>
        <row r="238">
          <cell r="B238" t="str">
            <v>C22R5</v>
          </cell>
          <cell r="C238">
            <v>31.855499999999999</v>
          </cell>
        </row>
        <row r="239">
          <cell r="B239" t="str">
            <v>C22R6</v>
          </cell>
          <cell r="C239">
            <v>30.165900000000001</v>
          </cell>
        </row>
        <row r="240">
          <cell r="B240" t="str">
            <v>C22R7</v>
          </cell>
          <cell r="C240">
            <v>26.6267</v>
          </cell>
        </row>
        <row r="241">
          <cell r="B241" t="str">
            <v>C22R8</v>
          </cell>
          <cell r="C241">
            <v>34.339700000000001</v>
          </cell>
        </row>
        <row r="242">
          <cell r="B242" t="str">
            <v>C22R9</v>
          </cell>
          <cell r="C242">
            <v>43.305799999999998</v>
          </cell>
        </row>
        <row r="243">
          <cell r="B243" t="str">
            <v>C23R1</v>
          </cell>
          <cell r="C243">
            <v>2.0607633000000001</v>
          </cell>
        </row>
        <row r="244">
          <cell r="B244" t="str">
            <v>C23R10</v>
          </cell>
          <cell r="C244">
            <v>2.0399080000000001</v>
          </cell>
        </row>
        <row r="245">
          <cell r="B245" t="str">
            <v>C23R11</v>
          </cell>
          <cell r="C245">
            <v>2.3811757</v>
          </cell>
        </row>
        <row r="246">
          <cell r="B246" t="str">
            <v>C23R12</v>
          </cell>
          <cell r="C246">
            <v>3.0221190999999998</v>
          </cell>
        </row>
        <row r="247">
          <cell r="B247" t="str">
            <v>C23R13</v>
          </cell>
          <cell r="C247">
            <v>1.7598731000000001</v>
          </cell>
        </row>
        <row r="248">
          <cell r="B248" t="str">
            <v>C23R14</v>
          </cell>
          <cell r="C248">
            <v>1.0522437</v>
          </cell>
        </row>
        <row r="249">
          <cell r="B249" t="str">
            <v>C23R15</v>
          </cell>
          <cell r="C249">
            <v>1.2033995</v>
          </cell>
        </row>
        <row r="250">
          <cell r="B250" t="str">
            <v>C23R150</v>
          </cell>
          <cell r="C250">
            <v>1.1849786</v>
          </cell>
        </row>
        <row r="251">
          <cell r="B251" t="str">
            <v>C23R16</v>
          </cell>
          <cell r="C251">
            <v>1.1301403000000001</v>
          </cell>
        </row>
        <row r="252">
          <cell r="B252" t="str">
            <v>C23R17</v>
          </cell>
          <cell r="C252">
            <v>2.3525124000000002</v>
          </cell>
        </row>
        <row r="253">
          <cell r="B253" t="str">
            <v>C23R2</v>
          </cell>
          <cell r="C253">
            <v>2.0607633000000001</v>
          </cell>
        </row>
        <row r="254">
          <cell r="B254" t="str">
            <v>C23R3</v>
          </cell>
          <cell r="C254">
            <v>1.2099019</v>
          </cell>
        </row>
        <row r="255">
          <cell r="B255" t="str">
            <v>C23R4</v>
          </cell>
          <cell r="C255">
            <v>1.9600712</v>
          </cell>
        </row>
        <row r="256">
          <cell r="B256" t="str">
            <v>C23R5</v>
          </cell>
          <cell r="C256">
            <v>2.3693287999999999</v>
          </cell>
        </row>
        <row r="257">
          <cell r="B257" t="str">
            <v>C23R6</v>
          </cell>
          <cell r="C257">
            <v>1.9433514999999999</v>
          </cell>
        </row>
        <row r="258">
          <cell r="B258" t="str">
            <v>C23R7</v>
          </cell>
          <cell r="C258">
            <v>1.5033911</v>
          </cell>
        </row>
        <row r="259">
          <cell r="B259" t="str">
            <v>C23R8</v>
          </cell>
          <cell r="C259">
            <v>2.0448012000000002</v>
          </cell>
        </row>
        <row r="260">
          <cell r="B260" t="str">
            <v>C23R9</v>
          </cell>
          <cell r="C260">
            <v>1.8208165999999999</v>
          </cell>
        </row>
        <row r="261">
          <cell r="B261" t="str">
            <v>C24R1</v>
          </cell>
          <cell r="C261">
            <v>23878901</v>
          </cell>
        </row>
        <row r="262">
          <cell r="B262" t="str">
            <v>C24R10</v>
          </cell>
          <cell r="C262">
            <v>1085731</v>
          </cell>
        </row>
        <row r="263">
          <cell r="B263" t="str">
            <v>C24R11</v>
          </cell>
          <cell r="C263">
            <v>1227364</v>
          </cell>
        </row>
        <row r="264">
          <cell r="B264" t="str">
            <v>C24R12</v>
          </cell>
          <cell r="C264">
            <v>261302</v>
          </cell>
        </row>
        <row r="265">
          <cell r="B265" t="str">
            <v>C24R13</v>
          </cell>
          <cell r="C265">
            <v>758889</v>
          </cell>
        </row>
        <row r="266">
          <cell r="B266" t="str">
            <v>C24R14</v>
          </cell>
          <cell r="C266">
            <v>464086</v>
          </cell>
        </row>
        <row r="267">
          <cell r="B267" t="str">
            <v>C24R15</v>
          </cell>
          <cell r="C267">
            <v>297744</v>
          </cell>
        </row>
        <row r="268">
          <cell r="B268" t="str">
            <v>C24R150</v>
          </cell>
          <cell r="C268">
            <v>294245</v>
          </cell>
        </row>
        <row r="269">
          <cell r="B269" t="str">
            <v>C24R151</v>
          </cell>
          <cell r="C269">
            <v>0</v>
          </cell>
        </row>
        <row r="270">
          <cell r="B270" t="str">
            <v>C24R16</v>
          </cell>
          <cell r="C270">
            <v>104603</v>
          </cell>
        </row>
        <row r="271">
          <cell r="B271" t="str">
            <v>C24R17</v>
          </cell>
          <cell r="C271">
            <v>91876</v>
          </cell>
        </row>
        <row r="272">
          <cell r="B272" t="str">
            <v>C24R2</v>
          </cell>
          <cell r="C272">
            <v>23878901</v>
          </cell>
        </row>
        <row r="273">
          <cell r="B273" t="str">
            <v>C24R3</v>
          </cell>
          <cell r="C273">
            <v>326718</v>
          </cell>
        </row>
        <row r="274">
          <cell r="B274" t="str">
            <v>C24R4</v>
          </cell>
          <cell r="C274">
            <v>1296415</v>
          </cell>
        </row>
        <row r="275">
          <cell r="B275" t="str">
            <v>C24R5</v>
          </cell>
          <cell r="C275">
            <v>6691454</v>
          </cell>
        </row>
        <row r="276">
          <cell r="B276" t="str">
            <v>C24R6</v>
          </cell>
          <cell r="C276">
            <v>4973917</v>
          </cell>
        </row>
        <row r="277">
          <cell r="B277" t="str">
            <v>C24R7</v>
          </cell>
          <cell r="C277">
            <v>2203795</v>
          </cell>
        </row>
        <row r="278">
          <cell r="B278" t="str">
            <v>C24R8</v>
          </cell>
          <cell r="C278">
            <v>1930962</v>
          </cell>
        </row>
        <row r="279">
          <cell r="B279" t="str">
            <v>C24R9</v>
          </cell>
          <cell r="C279">
            <v>1869799</v>
          </cell>
        </row>
        <row r="280">
          <cell r="B280" t="str">
            <v>C25R1</v>
          </cell>
          <cell r="C280">
            <v>1910312</v>
          </cell>
        </row>
        <row r="281">
          <cell r="B281" t="str">
            <v>C25R10</v>
          </cell>
          <cell r="C281">
            <v>86858</v>
          </cell>
        </row>
        <row r="282">
          <cell r="B282" t="str">
            <v>C25R11</v>
          </cell>
          <cell r="C282">
            <v>98189</v>
          </cell>
        </row>
        <row r="283">
          <cell r="B283" t="str">
            <v>C25R12</v>
          </cell>
          <cell r="C283">
            <v>20904</v>
          </cell>
        </row>
        <row r="284">
          <cell r="B284" t="str">
            <v>C25R13</v>
          </cell>
          <cell r="C284">
            <v>60711</v>
          </cell>
        </row>
        <row r="285">
          <cell r="B285" t="str">
            <v>C25R14</v>
          </cell>
          <cell r="C285">
            <v>37127</v>
          </cell>
        </row>
        <row r="286">
          <cell r="B286" t="str">
            <v>C25R15</v>
          </cell>
          <cell r="C286">
            <v>23820</v>
          </cell>
        </row>
        <row r="287">
          <cell r="B287" t="str">
            <v>C25R150</v>
          </cell>
          <cell r="C287">
            <v>23540</v>
          </cell>
        </row>
        <row r="288">
          <cell r="B288" t="str">
            <v>C25R151</v>
          </cell>
          <cell r="C288">
            <v>0</v>
          </cell>
        </row>
        <row r="289">
          <cell r="B289" t="str">
            <v>C25R16</v>
          </cell>
          <cell r="C289">
            <v>8368</v>
          </cell>
        </row>
        <row r="290">
          <cell r="B290" t="str">
            <v>C25R17</v>
          </cell>
          <cell r="C290">
            <v>7350</v>
          </cell>
        </row>
        <row r="291">
          <cell r="B291" t="str">
            <v>C25R2</v>
          </cell>
          <cell r="C291">
            <v>1910312</v>
          </cell>
        </row>
        <row r="292">
          <cell r="B292" t="str">
            <v>C25R3</v>
          </cell>
          <cell r="C292">
            <v>26137</v>
          </cell>
        </row>
        <row r="293">
          <cell r="B293" t="str">
            <v>C25R4</v>
          </cell>
          <cell r="C293">
            <v>103713</v>
          </cell>
        </row>
        <row r="294">
          <cell r="B294" t="str">
            <v>C25R5</v>
          </cell>
          <cell r="C294">
            <v>535316</v>
          </cell>
        </row>
        <row r="295">
          <cell r="B295" t="str">
            <v>C25R6</v>
          </cell>
          <cell r="C295">
            <v>397913</v>
          </cell>
        </row>
        <row r="296">
          <cell r="B296" t="str">
            <v>C25R7</v>
          </cell>
          <cell r="C296">
            <v>176304</v>
          </cell>
        </row>
        <row r="297">
          <cell r="B297" t="str">
            <v>C25R8</v>
          </cell>
          <cell r="C297">
            <v>154477</v>
          </cell>
        </row>
        <row r="298">
          <cell r="B298" t="str">
            <v>C25R9</v>
          </cell>
          <cell r="C298">
            <v>149584</v>
          </cell>
        </row>
        <row r="299">
          <cell r="B299" t="str">
            <v>C26R1</v>
          </cell>
          <cell r="C299">
            <v>63687</v>
          </cell>
        </row>
        <row r="300">
          <cell r="B300" t="str">
            <v>C26R10</v>
          </cell>
          <cell r="C300">
            <v>3125</v>
          </cell>
        </row>
        <row r="301">
          <cell r="B301" t="str">
            <v>C26R11</v>
          </cell>
          <cell r="C301">
            <v>3902</v>
          </cell>
        </row>
        <row r="302">
          <cell r="B302" t="str">
            <v>C26R12</v>
          </cell>
          <cell r="C302">
            <v>1607</v>
          </cell>
        </row>
        <row r="303">
          <cell r="B303" t="str">
            <v>C26R13</v>
          </cell>
          <cell r="C303">
            <v>6124</v>
          </cell>
        </row>
        <row r="304">
          <cell r="B304" t="str">
            <v>C26R14</v>
          </cell>
          <cell r="C304">
            <v>6464</v>
          </cell>
        </row>
        <row r="305">
          <cell r="B305" t="str">
            <v>C26R15</v>
          </cell>
          <cell r="C305">
            <v>8011</v>
          </cell>
        </row>
        <row r="306">
          <cell r="B306" t="str">
            <v>C26R150</v>
          </cell>
          <cell r="C306">
            <v>739</v>
          </cell>
        </row>
        <row r="307">
          <cell r="B307" t="str">
            <v>C26R151</v>
          </cell>
          <cell r="C307">
            <v>0</v>
          </cell>
        </row>
        <row r="308">
          <cell r="B308" t="str">
            <v>C26R16</v>
          </cell>
          <cell r="C308">
            <v>3229</v>
          </cell>
        </row>
        <row r="309">
          <cell r="B309" t="str">
            <v>C26R17</v>
          </cell>
          <cell r="C309">
            <v>4016</v>
          </cell>
        </row>
        <row r="310">
          <cell r="B310" t="str">
            <v>C26R2</v>
          </cell>
          <cell r="C310">
            <v>63687</v>
          </cell>
        </row>
        <row r="311">
          <cell r="B311" t="str">
            <v>C26R3</v>
          </cell>
          <cell r="C311">
            <v>472</v>
          </cell>
        </row>
        <row r="312">
          <cell r="B312" t="str">
            <v>C26R4</v>
          </cell>
          <cell r="C312">
            <v>1467</v>
          </cell>
        </row>
        <row r="313">
          <cell r="B313" t="str">
            <v>C26R5</v>
          </cell>
          <cell r="C313">
            <v>6568</v>
          </cell>
        </row>
        <row r="314">
          <cell r="B314" t="str">
            <v>C26R6</v>
          </cell>
          <cell r="C314">
            <v>6056</v>
          </cell>
        </row>
        <row r="315">
          <cell r="B315" t="str">
            <v>C26R7</v>
          </cell>
          <cell r="C315">
            <v>3446</v>
          </cell>
        </row>
        <row r="316">
          <cell r="B316" t="str">
            <v>C26R8</v>
          </cell>
          <cell r="C316">
            <v>3971</v>
          </cell>
        </row>
        <row r="317">
          <cell r="B317" t="str">
            <v>C26R9</v>
          </cell>
          <cell r="C317">
            <v>4489</v>
          </cell>
        </row>
        <row r="318">
          <cell r="B318" t="str">
            <v>C27R1</v>
          </cell>
          <cell r="C318">
            <v>32618</v>
          </cell>
        </row>
        <row r="319">
          <cell r="B319" t="str">
            <v>C27R2</v>
          </cell>
          <cell r="C319">
            <v>32618</v>
          </cell>
        </row>
        <row r="320">
          <cell r="B320" t="str">
            <v>C28R1</v>
          </cell>
          <cell r="C320">
            <v>3128</v>
          </cell>
        </row>
        <row r="321">
          <cell r="B321" t="str">
            <v>C28R10</v>
          </cell>
          <cell r="C321">
            <v>148</v>
          </cell>
        </row>
        <row r="322">
          <cell r="B322" t="str">
            <v>C28R11</v>
          </cell>
          <cell r="C322">
            <v>189</v>
          </cell>
        </row>
        <row r="323">
          <cell r="B323" t="str">
            <v>C28R12</v>
          </cell>
          <cell r="C323">
            <v>112</v>
          </cell>
        </row>
        <row r="324">
          <cell r="B324" t="str">
            <v>C28R13</v>
          </cell>
          <cell r="C324">
            <v>73</v>
          </cell>
        </row>
        <row r="325">
          <cell r="B325" t="str">
            <v>C28R14</v>
          </cell>
          <cell r="C325">
            <v>58</v>
          </cell>
        </row>
        <row r="326">
          <cell r="B326" t="str">
            <v>C28R15</v>
          </cell>
          <cell r="C326">
            <v>38</v>
          </cell>
        </row>
        <row r="327">
          <cell r="B327" t="str">
            <v>C28R150</v>
          </cell>
          <cell r="C327">
            <v>21</v>
          </cell>
        </row>
        <row r="328">
          <cell r="B328" t="str">
            <v>C28R151</v>
          </cell>
          <cell r="C328">
            <v>0</v>
          </cell>
        </row>
        <row r="329">
          <cell r="B329" t="str">
            <v>C28R16</v>
          </cell>
          <cell r="C329">
            <v>42</v>
          </cell>
        </row>
        <row r="330">
          <cell r="B330" t="str">
            <v>C28R17</v>
          </cell>
          <cell r="C330">
            <v>12</v>
          </cell>
        </row>
        <row r="331">
          <cell r="B331" t="str">
            <v>C28R2</v>
          </cell>
          <cell r="C331">
            <v>3128</v>
          </cell>
        </row>
        <row r="332">
          <cell r="B332" t="str">
            <v>C28R3</v>
          </cell>
          <cell r="C332">
            <v>59</v>
          </cell>
        </row>
        <row r="333">
          <cell r="B333" t="str">
            <v>C28R4</v>
          </cell>
          <cell r="C333">
            <v>129</v>
          </cell>
        </row>
        <row r="334">
          <cell r="B334" t="str">
            <v>C28R5</v>
          </cell>
          <cell r="C334">
            <v>706</v>
          </cell>
        </row>
        <row r="335">
          <cell r="B335" t="str">
            <v>C28R6</v>
          </cell>
          <cell r="C335">
            <v>448</v>
          </cell>
        </row>
        <row r="336">
          <cell r="B336" t="str">
            <v>C28R7</v>
          </cell>
          <cell r="C336">
            <v>197</v>
          </cell>
        </row>
        <row r="337">
          <cell r="B337" t="str">
            <v>C28R8</v>
          </cell>
          <cell r="C337">
            <v>155</v>
          </cell>
        </row>
        <row r="338">
          <cell r="B338" t="str">
            <v>C28R9</v>
          </cell>
          <cell r="C338">
            <v>741</v>
          </cell>
        </row>
        <row r="339">
          <cell r="B339" t="str">
            <v>C3R10</v>
          </cell>
          <cell r="C339">
            <v>0.31</v>
          </cell>
        </row>
        <row r="340">
          <cell r="B340" t="str">
            <v>C3R11</v>
          </cell>
          <cell r="C340">
            <v>0.43</v>
          </cell>
        </row>
        <row r="341">
          <cell r="B341" t="str">
            <v>C3R12</v>
          </cell>
          <cell r="C341">
            <v>1.3</v>
          </cell>
        </row>
        <row r="342">
          <cell r="B342" t="str">
            <v>C3R13</v>
          </cell>
          <cell r="C342">
            <v>2</v>
          </cell>
        </row>
        <row r="343">
          <cell r="B343" t="str">
            <v>C3R14</v>
          </cell>
          <cell r="C343">
            <v>4</v>
          </cell>
        </row>
        <row r="344">
          <cell r="B344" t="str">
            <v>C3R15</v>
          </cell>
          <cell r="C344">
            <v>12</v>
          </cell>
        </row>
        <row r="345">
          <cell r="B345" t="str">
            <v>C3R150</v>
          </cell>
          <cell r="C345">
            <v>100</v>
          </cell>
        </row>
        <row r="346">
          <cell r="B346" t="str">
            <v>C3R16</v>
          </cell>
          <cell r="C346">
            <v>15</v>
          </cell>
        </row>
        <row r="347">
          <cell r="B347" t="str">
            <v>C3R17</v>
          </cell>
          <cell r="C347">
            <v>25</v>
          </cell>
        </row>
        <row r="348">
          <cell r="B348" t="str">
            <v>C3R2</v>
          </cell>
          <cell r="C348">
            <v>0.14486299999999999</v>
          </cell>
        </row>
        <row r="349">
          <cell r="B349" t="str">
            <v>C3R3</v>
          </cell>
          <cell r="C349">
            <v>0.03</v>
          </cell>
        </row>
        <row r="350">
          <cell r="B350" t="str">
            <v>C3R4</v>
          </cell>
          <cell r="C350">
            <v>0.03</v>
          </cell>
        </row>
        <row r="351">
          <cell r="B351" t="str">
            <v>C3R5</v>
          </cell>
          <cell r="C351">
            <v>0.03</v>
          </cell>
        </row>
        <row r="352">
          <cell r="B352" t="str">
            <v>C3R6</v>
          </cell>
          <cell r="C352">
            <v>0.05</v>
          </cell>
        </row>
        <row r="353">
          <cell r="B353" t="str">
            <v>C3R7</v>
          </cell>
          <cell r="C353">
            <v>0.09</v>
          </cell>
        </row>
        <row r="354">
          <cell r="B354" t="str">
            <v>C3R8</v>
          </cell>
          <cell r="C354">
            <v>0.15</v>
          </cell>
        </row>
        <row r="355">
          <cell r="B355" t="str">
            <v>C3R9</v>
          </cell>
          <cell r="C355">
            <v>0.21</v>
          </cell>
        </row>
        <row r="356">
          <cell r="B356" t="str">
            <v>C4R1</v>
          </cell>
          <cell r="C356">
            <v>187845532</v>
          </cell>
        </row>
        <row r="357">
          <cell r="B357" t="str">
            <v>C4R10</v>
          </cell>
          <cell r="C357">
            <v>4585488</v>
          </cell>
        </row>
        <row r="358">
          <cell r="B358" t="str">
            <v>C4R11</v>
          </cell>
          <cell r="C358">
            <v>5830362</v>
          </cell>
        </row>
        <row r="359">
          <cell r="B359" t="str">
            <v>C4R12</v>
          </cell>
          <cell r="C359">
            <v>737217</v>
          </cell>
        </row>
        <row r="360">
          <cell r="B360" t="str">
            <v>C4R13</v>
          </cell>
          <cell r="C360">
            <v>838210</v>
          </cell>
        </row>
        <row r="361">
          <cell r="B361" t="str">
            <v>C4R14</v>
          </cell>
          <cell r="C361">
            <v>757626</v>
          </cell>
        </row>
        <row r="362">
          <cell r="B362" t="str">
            <v>C4R15</v>
          </cell>
          <cell r="C362">
            <v>351536</v>
          </cell>
        </row>
        <row r="363">
          <cell r="B363" t="str">
            <v>C4R150</v>
          </cell>
          <cell r="C363">
            <v>59585</v>
          </cell>
        </row>
        <row r="364">
          <cell r="B364" t="str">
            <v>C4R151</v>
          </cell>
          <cell r="C364">
            <v>0</v>
          </cell>
        </row>
        <row r="365">
          <cell r="B365" t="str">
            <v>C4R16</v>
          </cell>
          <cell r="C365">
            <v>165021</v>
          </cell>
        </row>
        <row r="366">
          <cell r="B366" t="str">
            <v>C4R17</v>
          </cell>
          <cell r="C366">
            <v>262772</v>
          </cell>
        </row>
        <row r="367">
          <cell r="B367" t="str">
            <v>C4R2</v>
          </cell>
          <cell r="C367">
            <v>187845532</v>
          </cell>
        </row>
        <row r="368">
          <cell r="B368" t="str">
            <v>C4R3</v>
          </cell>
          <cell r="C368">
            <v>9896262</v>
          </cell>
        </row>
        <row r="369">
          <cell r="B369" t="str">
            <v>C4R4</v>
          </cell>
          <cell r="C369">
            <v>17124681</v>
          </cell>
        </row>
        <row r="370">
          <cell r="B370" t="str">
            <v>C4R5</v>
          </cell>
          <cell r="C370">
            <v>69185197</v>
          </cell>
        </row>
        <row r="371">
          <cell r="B371" t="str">
            <v>C4R6</v>
          </cell>
          <cell r="C371">
            <v>42543118</v>
          </cell>
        </row>
        <row r="372">
          <cell r="B372" t="str">
            <v>C4R7</v>
          </cell>
          <cell r="C372">
            <v>20463398</v>
          </cell>
        </row>
        <row r="373">
          <cell r="B373" t="str">
            <v>C4R8</v>
          </cell>
          <cell r="C373">
            <v>8208133</v>
          </cell>
        </row>
        <row r="374">
          <cell r="B374" t="str">
            <v>C4R9</v>
          </cell>
          <cell r="C374">
            <v>6836928</v>
          </cell>
        </row>
        <row r="375">
          <cell r="B375" t="str">
            <v>C5R1</v>
          </cell>
          <cell r="C375">
            <v>-9878216</v>
          </cell>
        </row>
        <row r="376">
          <cell r="B376" t="str">
            <v>C5R10</v>
          </cell>
          <cell r="C376">
            <v>-384337</v>
          </cell>
        </row>
        <row r="377">
          <cell r="B377" t="str">
            <v>C5R11</v>
          </cell>
          <cell r="C377">
            <v>-256549</v>
          </cell>
        </row>
        <row r="378">
          <cell r="B378" t="str">
            <v>C5R12</v>
          </cell>
          <cell r="C378">
            <v>-24661</v>
          </cell>
        </row>
        <row r="379">
          <cell r="B379" t="str">
            <v>C5R13</v>
          </cell>
          <cell r="C379">
            <v>-22103</v>
          </cell>
        </row>
        <row r="380">
          <cell r="B380" t="str">
            <v>C5R14</v>
          </cell>
          <cell r="C380">
            <v>-111130</v>
          </cell>
        </row>
        <row r="381">
          <cell r="B381" t="str">
            <v>C5R15</v>
          </cell>
          <cell r="C381">
            <v>-25571</v>
          </cell>
        </row>
        <row r="382">
          <cell r="B382" t="str">
            <v>C5R150</v>
          </cell>
          <cell r="C382">
            <v>0</v>
          </cell>
        </row>
        <row r="383">
          <cell r="B383" t="str">
            <v>C5R151</v>
          </cell>
          <cell r="C383">
            <v>0</v>
          </cell>
        </row>
        <row r="384">
          <cell r="B384" t="str">
            <v>C5R16</v>
          </cell>
          <cell r="C384">
            <v>-8417</v>
          </cell>
        </row>
        <row r="385">
          <cell r="B385" t="str">
            <v>C5R17</v>
          </cell>
          <cell r="C385">
            <v>-117394</v>
          </cell>
        </row>
        <row r="386">
          <cell r="B386" t="str">
            <v>C5R2</v>
          </cell>
          <cell r="C386">
            <v>-9878216</v>
          </cell>
        </row>
        <row r="387">
          <cell r="B387" t="str">
            <v>C5R3</v>
          </cell>
          <cell r="C387">
            <v>-1987163</v>
          </cell>
        </row>
        <row r="388">
          <cell r="B388" t="str">
            <v>C5R4</v>
          </cell>
          <cell r="C388">
            <v>0</v>
          </cell>
        </row>
        <row r="389">
          <cell r="B389" t="str">
            <v>C5R5</v>
          </cell>
          <cell r="C389">
            <v>0</v>
          </cell>
        </row>
        <row r="390">
          <cell r="B390" t="str">
            <v>C5R6</v>
          </cell>
          <cell r="C390">
            <v>-1002390</v>
          </cell>
        </row>
        <row r="391">
          <cell r="B391" t="str">
            <v>C5R7</v>
          </cell>
          <cell r="C391">
            <v>-5251649</v>
          </cell>
        </row>
        <row r="392">
          <cell r="B392" t="str">
            <v>C5R8</v>
          </cell>
          <cell r="C392">
            <v>0</v>
          </cell>
        </row>
        <row r="393">
          <cell r="B393" t="str">
            <v>C5R9</v>
          </cell>
          <cell r="C393">
            <v>-686852</v>
          </cell>
        </row>
        <row r="394">
          <cell r="B394" t="str">
            <v>C6R1</v>
          </cell>
          <cell r="C394">
            <v>0</v>
          </cell>
        </row>
        <row r="395">
          <cell r="B395" t="str">
            <v>C6R10</v>
          </cell>
          <cell r="C395">
            <v>0</v>
          </cell>
        </row>
        <row r="396">
          <cell r="B396" t="str">
            <v>C6R11</v>
          </cell>
          <cell r="C396">
            <v>0</v>
          </cell>
        </row>
        <row r="397">
          <cell r="B397" t="str">
            <v>C6R12</v>
          </cell>
          <cell r="C397">
            <v>0</v>
          </cell>
        </row>
        <row r="398">
          <cell r="B398" t="str">
            <v>C6R13</v>
          </cell>
          <cell r="C398">
            <v>0</v>
          </cell>
        </row>
        <row r="399">
          <cell r="B399" t="str">
            <v>C6R14</v>
          </cell>
          <cell r="C399">
            <v>0</v>
          </cell>
        </row>
        <row r="400">
          <cell r="B400" t="str">
            <v>C6R15</v>
          </cell>
          <cell r="C400">
            <v>0</v>
          </cell>
        </row>
        <row r="401">
          <cell r="B401" t="str">
            <v>C6R150</v>
          </cell>
          <cell r="C401">
            <v>0</v>
          </cell>
        </row>
        <row r="402">
          <cell r="B402" t="str">
            <v>C6R151</v>
          </cell>
          <cell r="C402">
            <v>0</v>
          </cell>
        </row>
        <row r="403">
          <cell r="B403" t="str">
            <v>C6R16</v>
          </cell>
          <cell r="C403">
            <v>0</v>
          </cell>
        </row>
        <row r="404">
          <cell r="B404" t="str">
            <v>C6R17</v>
          </cell>
          <cell r="C404">
            <v>0</v>
          </cell>
        </row>
        <row r="405">
          <cell r="B405" t="str">
            <v>C6R2</v>
          </cell>
          <cell r="C405">
            <v>0</v>
          </cell>
        </row>
        <row r="406">
          <cell r="B406" t="str">
            <v>C6R3</v>
          </cell>
          <cell r="C406">
            <v>0</v>
          </cell>
        </row>
        <row r="407">
          <cell r="B407" t="str">
            <v>C6R4</v>
          </cell>
          <cell r="C407">
            <v>0</v>
          </cell>
        </row>
        <row r="408">
          <cell r="B408" t="str">
            <v>C6R5</v>
          </cell>
          <cell r="C408">
            <v>0</v>
          </cell>
        </row>
        <row r="409">
          <cell r="B409" t="str">
            <v>C6R6</v>
          </cell>
          <cell r="C409">
            <v>0</v>
          </cell>
        </row>
        <row r="410">
          <cell r="B410" t="str">
            <v>C6R7</v>
          </cell>
          <cell r="C410">
            <v>0</v>
          </cell>
        </row>
        <row r="411">
          <cell r="B411" t="str">
            <v>C6R8</v>
          </cell>
          <cell r="C411">
            <v>0</v>
          </cell>
        </row>
        <row r="412">
          <cell r="B412" t="str">
            <v>C6R9</v>
          </cell>
          <cell r="C412">
            <v>0</v>
          </cell>
        </row>
        <row r="413">
          <cell r="B413" t="str">
            <v>C7R1</v>
          </cell>
          <cell r="C413">
            <v>0</v>
          </cell>
        </row>
        <row r="414">
          <cell r="B414" t="str">
            <v>C7R10</v>
          </cell>
          <cell r="C414">
            <v>0</v>
          </cell>
        </row>
        <row r="415">
          <cell r="B415" t="str">
            <v>C7R11</v>
          </cell>
          <cell r="C415">
            <v>0</v>
          </cell>
        </row>
        <row r="416">
          <cell r="B416" t="str">
            <v>C7R12</v>
          </cell>
          <cell r="C416">
            <v>0</v>
          </cell>
        </row>
        <row r="417">
          <cell r="B417" t="str">
            <v>C7R13</v>
          </cell>
          <cell r="C417">
            <v>0</v>
          </cell>
        </row>
        <row r="418">
          <cell r="B418" t="str">
            <v>C7R14</v>
          </cell>
          <cell r="C418">
            <v>0</v>
          </cell>
        </row>
        <row r="419">
          <cell r="B419" t="str">
            <v>C7R15</v>
          </cell>
          <cell r="C419">
            <v>0</v>
          </cell>
        </row>
        <row r="420">
          <cell r="B420" t="str">
            <v>C7R150</v>
          </cell>
          <cell r="C420">
            <v>0</v>
          </cell>
        </row>
        <row r="421">
          <cell r="B421" t="str">
            <v>C7R151</v>
          </cell>
          <cell r="C421">
            <v>0</v>
          </cell>
        </row>
        <row r="422">
          <cell r="B422" t="str">
            <v>C7R16</v>
          </cell>
          <cell r="C422">
            <v>0</v>
          </cell>
        </row>
        <row r="423">
          <cell r="B423" t="str">
            <v>C7R17</v>
          </cell>
          <cell r="C423">
            <v>0</v>
          </cell>
        </row>
        <row r="424">
          <cell r="B424" t="str">
            <v>C7R2</v>
          </cell>
          <cell r="C424">
            <v>0</v>
          </cell>
        </row>
        <row r="425">
          <cell r="B425" t="str">
            <v>C7R3</v>
          </cell>
          <cell r="C425">
            <v>0</v>
          </cell>
        </row>
        <row r="426">
          <cell r="B426" t="str">
            <v>C7R4</v>
          </cell>
          <cell r="C426">
            <v>0</v>
          </cell>
        </row>
        <row r="427">
          <cell r="B427" t="str">
            <v>C7R5</v>
          </cell>
          <cell r="C427">
            <v>0</v>
          </cell>
        </row>
        <row r="428">
          <cell r="B428" t="str">
            <v>C7R6</v>
          </cell>
          <cell r="C428">
            <v>0</v>
          </cell>
        </row>
        <row r="429">
          <cell r="B429" t="str">
            <v>C7R7</v>
          </cell>
          <cell r="C429">
            <v>0</v>
          </cell>
        </row>
        <row r="430">
          <cell r="B430" t="str">
            <v>C7R8</v>
          </cell>
          <cell r="C430">
            <v>0</v>
          </cell>
        </row>
        <row r="431">
          <cell r="B431" t="str">
            <v>C7R9</v>
          </cell>
          <cell r="C431">
            <v>0</v>
          </cell>
        </row>
        <row r="432">
          <cell r="B432" t="str">
            <v>C8R1</v>
          </cell>
          <cell r="C432">
            <v>-9878216</v>
          </cell>
        </row>
        <row r="433">
          <cell r="B433" t="str">
            <v>C8R10</v>
          </cell>
          <cell r="C433">
            <v>-384337</v>
          </cell>
        </row>
        <row r="434">
          <cell r="B434" t="str">
            <v>C8R11</v>
          </cell>
          <cell r="C434">
            <v>-256549</v>
          </cell>
        </row>
        <row r="435">
          <cell r="B435" t="str">
            <v>C8R12</v>
          </cell>
          <cell r="C435">
            <v>-24661</v>
          </cell>
        </row>
        <row r="436">
          <cell r="B436" t="str">
            <v>C8R13</v>
          </cell>
          <cell r="C436">
            <v>-22103</v>
          </cell>
        </row>
        <row r="437">
          <cell r="B437" t="str">
            <v>C8R14</v>
          </cell>
          <cell r="C437">
            <v>-111130</v>
          </cell>
        </row>
        <row r="438">
          <cell r="B438" t="str">
            <v>C8R15</v>
          </cell>
          <cell r="C438">
            <v>-25571</v>
          </cell>
        </row>
        <row r="439">
          <cell r="B439" t="str">
            <v>C8R150</v>
          </cell>
          <cell r="C439">
            <v>0</v>
          </cell>
        </row>
        <row r="440">
          <cell r="B440" t="str">
            <v>C8R151</v>
          </cell>
          <cell r="C440">
            <v>0</v>
          </cell>
        </row>
        <row r="441">
          <cell r="B441" t="str">
            <v>C8R16</v>
          </cell>
          <cell r="C441">
            <v>-8417</v>
          </cell>
        </row>
        <row r="442">
          <cell r="B442" t="str">
            <v>C8R17</v>
          </cell>
          <cell r="C442">
            <v>-117394</v>
          </cell>
        </row>
        <row r="443">
          <cell r="B443" t="str">
            <v>C8R2</v>
          </cell>
          <cell r="C443">
            <v>-9878216</v>
          </cell>
        </row>
        <row r="444">
          <cell r="B444" t="str">
            <v>C8R3</v>
          </cell>
          <cell r="C444">
            <v>-1987163</v>
          </cell>
        </row>
        <row r="445">
          <cell r="B445" t="str">
            <v>C8R4</v>
          </cell>
          <cell r="C445">
            <v>0</v>
          </cell>
        </row>
        <row r="446">
          <cell r="B446" t="str">
            <v>C8R5</v>
          </cell>
          <cell r="C446">
            <v>0</v>
          </cell>
        </row>
        <row r="447">
          <cell r="B447" t="str">
            <v>C8R6</v>
          </cell>
          <cell r="C447">
            <v>-1002390</v>
          </cell>
        </row>
        <row r="448">
          <cell r="B448" t="str">
            <v>C8R7</v>
          </cell>
          <cell r="C448">
            <v>-5251649</v>
          </cell>
        </row>
        <row r="449">
          <cell r="B449" t="str">
            <v>C8R8</v>
          </cell>
          <cell r="C449">
            <v>0</v>
          </cell>
        </row>
        <row r="450">
          <cell r="B450" t="str">
            <v>C8R9</v>
          </cell>
          <cell r="C450">
            <v>-686852</v>
          </cell>
        </row>
        <row r="451">
          <cell r="B451" t="str">
            <v>C9R1</v>
          </cell>
          <cell r="C451">
            <v>3206146</v>
          </cell>
        </row>
        <row r="452">
          <cell r="B452" t="str">
            <v>C9R10</v>
          </cell>
          <cell r="C452">
            <v>0</v>
          </cell>
        </row>
        <row r="453">
          <cell r="B453" t="str">
            <v>C9R11</v>
          </cell>
          <cell r="C453">
            <v>7590</v>
          </cell>
        </row>
        <row r="454">
          <cell r="B454" t="str">
            <v>C9R12</v>
          </cell>
          <cell r="C454">
            <v>41</v>
          </cell>
        </row>
        <row r="455">
          <cell r="B455" t="str">
            <v>C9R13</v>
          </cell>
          <cell r="C455">
            <v>0</v>
          </cell>
        </row>
        <row r="456">
          <cell r="B456" t="str">
            <v>C9R14</v>
          </cell>
          <cell r="C456">
            <v>0</v>
          </cell>
        </row>
        <row r="457">
          <cell r="B457" t="str">
            <v>C9R15</v>
          </cell>
          <cell r="C457">
            <v>0</v>
          </cell>
        </row>
        <row r="458">
          <cell r="B458" t="str">
            <v>C9R150</v>
          </cell>
          <cell r="C458">
            <v>0</v>
          </cell>
        </row>
        <row r="459">
          <cell r="B459" t="str">
            <v>C9R151</v>
          </cell>
          <cell r="C459">
            <v>0</v>
          </cell>
        </row>
        <row r="460">
          <cell r="B460" t="str">
            <v>C9R16</v>
          </cell>
          <cell r="C460">
            <v>0</v>
          </cell>
        </row>
        <row r="461">
          <cell r="B461" t="str">
            <v>C9R17</v>
          </cell>
          <cell r="C461">
            <v>0</v>
          </cell>
        </row>
        <row r="462">
          <cell r="B462" t="str">
            <v>C9R2</v>
          </cell>
          <cell r="C462">
            <v>3206146</v>
          </cell>
        </row>
        <row r="463">
          <cell r="B463" t="str">
            <v>C9R3</v>
          </cell>
          <cell r="C463">
            <v>30357</v>
          </cell>
        </row>
        <row r="464">
          <cell r="B464" t="str">
            <v>C9R4</v>
          </cell>
          <cell r="C464">
            <v>133530</v>
          </cell>
        </row>
        <row r="465">
          <cell r="B465" t="str">
            <v>C9R5</v>
          </cell>
          <cell r="C465">
            <v>2734812</v>
          </cell>
        </row>
        <row r="466">
          <cell r="B466" t="str">
            <v>C9R6</v>
          </cell>
          <cell r="C466">
            <v>187417</v>
          </cell>
        </row>
        <row r="467">
          <cell r="B467" t="str">
            <v>C9R7</v>
          </cell>
          <cell r="C467">
            <v>0</v>
          </cell>
        </row>
        <row r="468">
          <cell r="B468" t="str">
            <v>C9R8</v>
          </cell>
          <cell r="C468">
            <v>81005</v>
          </cell>
        </row>
        <row r="469">
          <cell r="B469" t="str">
            <v>C9R9</v>
          </cell>
          <cell r="C469">
            <v>31394</v>
          </cell>
        </row>
      </sheetData>
    </sheetDataSet>
  </externalBook>
</externalLink>
</file>

<file path=xl/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SEB Basic">
      <a:majorFont>
        <a:latin typeface="SEB Basic"/>
        <a:ea typeface=""/>
        <a:cs typeface=""/>
      </a:majorFont>
      <a:minorFont>
        <a:latin typeface="SEB Basic"/>
        <a:ea typeface=""/>
        <a:cs typeface=""/>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1" Type="http://schemas.openxmlformats.org/officeDocument/2006/relationships/printerSettings" Target="../printerSettings/printerSettings10.bin"/></Relationships>
</file>

<file path=xl/worksheets/_rels/sheet11.xml.rels><?xml version="1.0" encoding="UTF-8" standalone="yes"?>
<Relationships xmlns="http://schemas.openxmlformats.org/package/2006/relationships"><Relationship Id="rId1" Type="http://schemas.openxmlformats.org/officeDocument/2006/relationships/printerSettings" Target="../printerSettings/printerSettings11.bin"/></Relationships>
</file>

<file path=xl/worksheets/_rels/sheet12.xml.rels><?xml version="1.0" encoding="UTF-8" standalone="yes"?>
<Relationships xmlns="http://schemas.openxmlformats.org/package/2006/relationships"><Relationship Id="rId1" Type="http://schemas.openxmlformats.org/officeDocument/2006/relationships/printerSettings" Target="../printerSettings/printerSettings12.bin"/></Relationships>
</file>

<file path=xl/worksheets/_rels/sheet13.xml.rels><?xml version="1.0" encoding="UTF-8" standalone="yes"?>
<Relationships xmlns="http://schemas.openxmlformats.org/package/2006/relationships"><Relationship Id="rId1" Type="http://schemas.openxmlformats.org/officeDocument/2006/relationships/printerSettings" Target="../printerSettings/printerSettings13.bin"/></Relationships>
</file>

<file path=xl/worksheets/_rels/sheet14.xml.rels><?xml version="1.0" encoding="UTF-8" standalone="yes"?>
<Relationships xmlns="http://schemas.openxmlformats.org/package/2006/relationships"><Relationship Id="rId1" Type="http://schemas.openxmlformats.org/officeDocument/2006/relationships/printerSettings" Target="../printerSettings/printerSettings14.bin"/></Relationships>
</file>

<file path=xl/worksheets/_rels/sheet15.xml.rels><?xml version="1.0" encoding="UTF-8" standalone="yes"?>
<Relationships xmlns="http://schemas.openxmlformats.org/package/2006/relationships"><Relationship Id="rId1" Type="http://schemas.openxmlformats.org/officeDocument/2006/relationships/printerSettings" Target="../printerSettings/printerSettings15.bin"/></Relationships>
</file>

<file path=xl/worksheets/_rels/sheet16.xml.rels><?xml version="1.0" encoding="UTF-8" standalone="yes"?>
<Relationships xmlns="http://schemas.openxmlformats.org/package/2006/relationships"><Relationship Id="rId1" Type="http://schemas.openxmlformats.org/officeDocument/2006/relationships/printerSettings" Target="../printerSettings/printerSettings16.bin"/></Relationships>
</file>

<file path=xl/worksheets/_rels/sheet17.xml.rels><?xml version="1.0" encoding="UTF-8" standalone="yes"?>
<Relationships xmlns="http://schemas.openxmlformats.org/package/2006/relationships"><Relationship Id="rId3" Type="http://schemas.openxmlformats.org/officeDocument/2006/relationships/vmlDrawing" Target="../drawings/vmlDrawing1.vml"/><Relationship Id="rId2" Type="http://schemas.openxmlformats.org/officeDocument/2006/relationships/drawing" Target="../drawings/drawing1.xml"/><Relationship Id="rId1" Type="http://schemas.openxmlformats.org/officeDocument/2006/relationships/printerSettings" Target="../printerSettings/printerSettings17.bin"/><Relationship Id="rId6" Type="http://schemas.openxmlformats.org/officeDocument/2006/relationships/ctrlProp" Target="../ctrlProps/ctrlProp3.xml"/><Relationship Id="rId5" Type="http://schemas.openxmlformats.org/officeDocument/2006/relationships/ctrlProp" Target="../ctrlProps/ctrlProp2.xml"/><Relationship Id="rId4" Type="http://schemas.openxmlformats.org/officeDocument/2006/relationships/ctrlProp" Target="../ctrlProps/ctrlProp1.xml"/></Relationships>
</file>

<file path=xl/worksheets/_rels/sheet18.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18.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1" Type="http://schemas.openxmlformats.org/officeDocument/2006/relationships/printerSettings" Target="../printerSettings/printerSettings8.bin"/></Relationships>
</file>

<file path=xl/worksheets/_rels/sheet9.xml.rels><?xml version="1.0" encoding="UTF-8" standalone="yes"?>
<Relationships xmlns="http://schemas.openxmlformats.org/package/2006/relationships"><Relationship Id="rId1" Type="http://schemas.openxmlformats.org/officeDocument/2006/relationships/printerSettings" Target="../printerSettings/printerSettings9.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IQ144"/>
  <sheetViews>
    <sheetView tabSelected="1" zoomScale="90" zoomScaleNormal="90" workbookViewId="0"/>
  </sheetViews>
  <sheetFormatPr defaultColWidth="11.42578125" defaultRowHeight="15"/>
  <cols>
    <col min="1" max="1" width="7.7109375" style="52" customWidth="1"/>
    <col min="2" max="2" width="7" style="52" customWidth="1"/>
    <col min="3" max="3" width="95.7109375" style="52" bestFit="1" customWidth="1"/>
    <col min="4" max="5" width="17.85546875" style="70" bestFit="1" customWidth="1"/>
    <col min="6" max="16384" width="11.42578125" style="52"/>
  </cols>
  <sheetData>
    <row r="1" spans="1:251">
      <c r="A1" s="13"/>
      <c r="B1" s="13" t="s">
        <v>325</v>
      </c>
      <c r="D1" s="68"/>
      <c r="E1" s="68"/>
    </row>
    <row r="2" spans="1:251">
      <c r="B2" s="58"/>
      <c r="C2" s="58"/>
      <c r="D2" s="68"/>
      <c r="E2" s="68"/>
    </row>
    <row r="3" spans="1:251">
      <c r="A3" s="18"/>
      <c r="B3" s="18" t="s">
        <v>318</v>
      </c>
      <c r="C3" s="58"/>
      <c r="D3" s="17"/>
      <c r="E3" s="68"/>
      <c r="F3" s="58"/>
      <c r="G3" s="58"/>
      <c r="H3" s="58"/>
      <c r="I3" s="58"/>
      <c r="J3" s="58"/>
      <c r="K3" s="58"/>
      <c r="L3" s="58"/>
      <c r="M3" s="58"/>
      <c r="N3" s="58"/>
      <c r="O3" s="58"/>
      <c r="P3" s="58"/>
      <c r="Q3" s="58"/>
      <c r="R3" s="58"/>
      <c r="S3" s="58"/>
      <c r="T3" s="58"/>
      <c r="U3" s="58"/>
      <c r="V3" s="58"/>
      <c r="W3" s="58"/>
      <c r="X3" s="58"/>
      <c r="Y3" s="58"/>
      <c r="Z3" s="58"/>
      <c r="AA3" s="58"/>
      <c r="AB3" s="58"/>
      <c r="AC3" s="58"/>
      <c r="AD3" s="58"/>
      <c r="AE3" s="58"/>
      <c r="AF3" s="58"/>
      <c r="AG3" s="58"/>
      <c r="AH3" s="58"/>
      <c r="AI3" s="58"/>
      <c r="AJ3" s="58"/>
      <c r="AK3" s="58"/>
      <c r="AL3" s="58"/>
      <c r="AM3" s="58"/>
      <c r="AN3" s="58"/>
      <c r="AO3" s="58"/>
      <c r="AP3" s="58"/>
      <c r="AQ3" s="58"/>
      <c r="AR3" s="58"/>
      <c r="AS3" s="58"/>
      <c r="AT3" s="58"/>
      <c r="AU3" s="58"/>
      <c r="AV3" s="58"/>
      <c r="AW3" s="58"/>
      <c r="AX3" s="58"/>
      <c r="AY3" s="58"/>
      <c r="AZ3" s="58"/>
      <c r="BA3" s="58"/>
      <c r="BB3" s="58"/>
      <c r="BC3" s="58"/>
      <c r="BD3" s="58"/>
      <c r="BE3" s="58"/>
      <c r="BF3" s="58"/>
      <c r="BG3" s="58"/>
      <c r="BH3" s="58"/>
      <c r="BI3" s="58"/>
      <c r="BJ3" s="58"/>
      <c r="BK3" s="58"/>
      <c r="BL3" s="58"/>
      <c r="BM3" s="58"/>
      <c r="BN3" s="58"/>
      <c r="BO3" s="58"/>
      <c r="BP3" s="58"/>
      <c r="BQ3" s="58"/>
      <c r="BR3" s="58"/>
      <c r="BS3" s="58"/>
      <c r="BT3" s="58"/>
      <c r="BU3" s="58"/>
      <c r="BV3" s="58"/>
      <c r="BW3" s="58"/>
      <c r="BX3" s="58"/>
      <c r="BY3" s="58"/>
      <c r="BZ3" s="58"/>
      <c r="CA3" s="58"/>
      <c r="CB3" s="58"/>
      <c r="CC3" s="58"/>
      <c r="CD3" s="58"/>
      <c r="CE3" s="58"/>
      <c r="CF3" s="58"/>
      <c r="CG3" s="58"/>
      <c r="CH3" s="58"/>
      <c r="CI3" s="58"/>
      <c r="CJ3" s="58"/>
      <c r="CK3" s="58"/>
      <c r="CL3" s="58"/>
      <c r="CM3" s="58"/>
      <c r="CN3" s="58"/>
      <c r="CO3" s="58"/>
      <c r="CP3" s="58"/>
      <c r="CQ3" s="58"/>
      <c r="CR3" s="58"/>
      <c r="CS3" s="58"/>
      <c r="CT3" s="58"/>
      <c r="CU3" s="58"/>
      <c r="CV3" s="58"/>
      <c r="CW3" s="58"/>
      <c r="CX3" s="58"/>
      <c r="CY3" s="58"/>
      <c r="CZ3" s="58"/>
      <c r="DA3" s="58"/>
      <c r="DB3" s="58"/>
      <c r="DC3" s="58"/>
      <c r="DD3" s="58"/>
      <c r="DE3" s="58"/>
      <c r="DF3" s="58"/>
      <c r="DG3" s="58"/>
      <c r="DH3" s="58"/>
      <c r="DI3" s="58"/>
      <c r="DJ3" s="58"/>
      <c r="DK3" s="58"/>
      <c r="DL3" s="58"/>
      <c r="DM3" s="58"/>
      <c r="DN3" s="58"/>
      <c r="DO3" s="58"/>
      <c r="DP3" s="58"/>
      <c r="DQ3" s="58"/>
      <c r="DR3" s="58"/>
      <c r="DS3" s="58"/>
      <c r="DT3" s="58"/>
      <c r="DU3" s="58"/>
      <c r="DV3" s="58"/>
      <c r="DW3" s="58"/>
      <c r="DX3" s="58"/>
      <c r="DY3" s="58"/>
      <c r="DZ3" s="58"/>
      <c r="EA3" s="58"/>
      <c r="EB3" s="58"/>
      <c r="EC3" s="58"/>
      <c r="ED3" s="58"/>
      <c r="EE3" s="58"/>
      <c r="EF3" s="58"/>
      <c r="EG3" s="58"/>
      <c r="EH3" s="58"/>
      <c r="EI3" s="58"/>
      <c r="EJ3" s="58"/>
      <c r="EK3" s="58"/>
      <c r="EL3" s="58"/>
      <c r="EM3" s="58"/>
      <c r="EN3" s="58"/>
      <c r="EO3" s="58"/>
      <c r="EP3" s="58"/>
      <c r="EQ3" s="58"/>
      <c r="ER3" s="58"/>
      <c r="ES3" s="58"/>
      <c r="ET3" s="58"/>
      <c r="EU3" s="58"/>
      <c r="EV3" s="58"/>
      <c r="EW3" s="58"/>
      <c r="EX3" s="58"/>
      <c r="EY3" s="58"/>
      <c r="EZ3" s="58"/>
      <c r="FA3" s="58"/>
      <c r="FB3" s="58"/>
      <c r="FC3" s="58"/>
      <c r="FD3" s="58"/>
      <c r="FE3" s="58"/>
      <c r="FF3" s="58"/>
      <c r="FG3" s="58"/>
      <c r="FH3" s="58"/>
      <c r="FI3" s="58"/>
      <c r="FJ3" s="58"/>
      <c r="FK3" s="58"/>
      <c r="FL3" s="58"/>
      <c r="FM3" s="58"/>
      <c r="FN3" s="58"/>
      <c r="FO3" s="58"/>
      <c r="FP3" s="58"/>
      <c r="FQ3" s="58"/>
      <c r="FR3" s="58"/>
      <c r="FS3" s="58"/>
      <c r="FT3" s="58"/>
      <c r="FU3" s="58"/>
      <c r="FV3" s="58"/>
      <c r="FW3" s="58"/>
      <c r="FX3" s="58"/>
      <c r="FY3" s="58"/>
      <c r="FZ3" s="58"/>
      <c r="GA3" s="58"/>
      <c r="GB3" s="58"/>
      <c r="GC3" s="58"/>
      <c r="GD3" s="58"/>
      <c r="GE3" s="58"/>
      <c r="GF3" s="58"/>
      <c r="GG3" s="58"/>
      <c r="GH3" s="58"/>
      <c r="GI3" s="58"/>
      <c r="GJ3" s="58"/>
      <c r="GK3" s="58"/>
      <c r="GL3" s="58"/>
      <c r="GM3" s="58"/>
      <c r="GN3" s="58"/>
      <c r="GO3" s="58"/>
      <c r="GP3" s="58"/>
      <c r="GQ3" s="58"/>
      <c r="GR3" s="58"/>
      <c r="GS3" s="58"/>
      <c r="GT3" s="58"/>
      <c r="GU3" s="58"/>
      <c r="GV3" s="58"/>
      <c r="GW3" s="58"/>
      <c r="GX3" s="58"/>
      <c r="GY3" s="58"/>
      <c r="GZ3" s="58"/>
      <c r="HA3" s="58"/>
      <c r="HB3" s="58"/>
      <c r="HC3" s="58"/>
      <c r="HD3" s="58"/>
      <c r="HE3" s="58"/>
      <c r="HF3" s="58"/>
      <c r="HG3" s="58"/>
      <c r="HH3" s="58"/>
      <c r="HI3" s="58"/>
      <c r="HJ3" s="58"/>
      <c r="HK3" s="58"/>
      <c r="HL3" s="58"/>
      <c r="HM3" s="58"/>
      <c r="HN3" s="58"/>
      <c r="HO3" s="58"/>
      <c r="HP3" s="58"/>
      <c r="HQ3" s="58"/>
      <c r="HR3" s="58"/>
      <c r="HS3" s="58"/>
      <c r="HT3" s="58"/>
      <c r="HU3" s="58"/>
      <c r="HV3" s="58"/>
      <c r="HW3" s="58"/>
      <c r="HX3" s="58"/>
      <c r="HY3" s="58"/>
      <c r="HZ3" s="58"/>
      <c r="IA3" s="58"/>
      <c r="IB3" s="58"/>
      <c r="IC3" s="58"/>
      <c r="ID3" s="58"/>
      <c r="IE3" s="58"/>
      <c r="IF3" s="58"/>
      <c r="IG3" s="58"/>
      <c r="IH3" s="58"/>
      <c r="II3" s="58"/>
      <c r="IJ3" s="58"/>
      <c r="IK3" s="58"/>
      <c r="IL3" s="58"/>
      <c r="IM3" s="58"/>
      <c r="IN3" s="58"/>
      <c r="IO3" s="58"/>
      <c r="IP3" s="58"/>
      <c r="IQ3" s="58"/>
    </row>
    <row r="4" spans="1:251">
      <c r="B4" s="15" t="s">
        <v>180</v>
      </c>
      <c r="C4" s="69"/>
    </row>
    <row r="5" spans="1:251">
      <c r="B5" s="58"/>
      <c r="C5" s="313"/>
      <c r="D5" s="314"/>
      <c r="E5" s="314"/>
    </row>
    <row r="6" spans="1:251" ht="15.75">
      <c r="A6" s="71"/>
      <c r="B6" s="327" t="s">
        <v>4</v>
      </c>
      <c r="C6" s="327"/>
      <c r="D6" s="315"/>
      <c r="E6" s="315"/>
      <c r="F6" s="71"/>
      <c r="G6" s="71"/>
      <c r="H6" s="71"/>
      <c r="I6" s="71"/>
      <c r="J6" s="71"/>
      <c r="K6" s="71"/>
      <c r="L6" s="71"/>
      <c r="M6" s="71"/>
      <c r="N6" s="71"/>
      <c r="O6" s="71"/>
      <c r="P6" s="71"/>
      <c r="Q6" s="71"/>
      <c r="R6" s="71"/>
      <c r="S6" s="71"/>
      <c r="T6" s="71"/>
      <c r="U6" s="71"/>
      <c r="V6" s="71"/>
      <c r="W6" s="71"/>
      <c r="X6" s="71"/>
      <c r="Y6" s="71"/>
      <c r="Z6" s="71"/>
      <c r="AA6" s="71"/>
      <c r="AB6" s="71"/>
      <c r="AC6" s="71"/>
      <c r="AD6" s="71"/>
      <c r="AE6" s="71"/>
      <c r="AF6" s="71"/>
      <c r="AG6" s="71"/>
      <c r="AH6" s="71"/>
      <c r="AI6" s="71"/>
      <c r="AJ6" s="71"/>
      <c r="AK6" s="71"/>
      <c r="AL6" s="71"/>
      <c r="AM6" s="71"/>
      <c r="AN6" s="71"/>
      <c r="AO6" s="71"/>
      <c r="AP6" s="71"/>
      <c r="AQ6" s="71"/>
      <c r="AR6" s="71"/>
      <c r="AS6" s="71"/>
      <c r="AT6" s="71"/>
      <c r="AU6" s="71"/>
      <c r="AV6" s="71"/>
      <c r="AW6" s="71"/>
      <c r="AX6" s="71"/>
      <c r="AY6" s="71"/>
      <c r="AZ6" s="71"/>
      <c r="BA6" s="71"/>
      <c r="BB6" s="71"/>
      <c r="BC6" s="71"/>
      <c r="BD6" s="71"/>
      <c r="BE6" s="71"/>
      <c r="BF6" s="71"/>
      <c r="BG6" s="71"/>
      <c r="BH6" s="71"/>
      <c r="BI6" s="71"/>
      <c r="BJ6" s="71"/>
      <c r="BK6" s="71"/>
      <c r="BL6" s="71"/>
      <c r="BM6" s="71"/>
      <c r="BN6" s="71"/>
      <c r="BO6" s="71"/>
      <c r="BP6" s="71"/>
      <c r="BQ6" s="71"/>
      <c r="BR6" s="71"/>
      <c r="BS6" s="71"/>
      <c r="BT6" s="71"/>
      <c r="BU6" s="71"/>
      <c r="BV6" s="71"/>
      <c r="BW6" s="71"/>
      <c r="BX6" s="71"/>
      <c r="BY6" s="71"/>
      <c r="BZ6" s="71"/>
      <c r="CA6" s="71"/>
      <c r="CB6" s="71"/>
      <c r="CC6" s="71"/>
      <c r="CD6" s="71"/>
      <c r="CE6" s="71"/>
      <c r="CF6" s="71"/>
      <c r="CG6" s="71"/>
      <c r="CH6" s="71"/>
      <c r="CI6" s="71"/>
      <c r="CJ6" s="71"/>
      <c r="CK6" s="71"/>
      <c r="CL6" s="71"/>
      <c r="CM6" s="71"/>
      <c r="CN6" s="71"/>
      <c r="CO6" s="71"/>
      <c r="CP6" s="71"/>
      <c r="CQ6" s="71"/>
      <c r="CR6" s="71"/>
      <c r="CS6" s="71"/>
      <c r="CT6" s="71"/>
      <c r="CU6" s="71"/>
      <c r="CV6" s="71"/>
      <c r="CW6" s="71"/>
      <c r="CX6" s="71"/>
      <c r="CY6" s="71"/>
      <c r="CZ6" s="71"/>
      <c r="DA6" s="71"/>
      <c r="DB6" s="71"/>
      <c r="DC6" s="71"/>
      <c r="DD6" s="71"/>
      <c r="DE6" s="71"/>
      <c r="DF6" s="71"/>
      <c r="DG6" s="71"/>
      <c r="DH6" s="71"/>
      <c r="DI6" s="71"/>
      <c r="DJ6" s="71"/>
      <c r="DK6" s="71"/>
      <c r="DL6" s="71"/>
      <c r="DM6" s="71"/>
      <c r="DN6" s="71"/>
      <c r="DO6" s="71"/>
      <c r="DP6" s="71"/>
      <c r="DQ6" s="71"/>
      <c r="DR6" s="71"/>
      <c r="DS6" s="71"/>
      <c r="DT6" s="71"/>
      <c r="DU6" s="71"/>
      <c r="DV6" s="71"/>
      <c r="DW6" s="71"/>
      <c r="DX6" s="71"/>
      <c r="DY6" s="71"/>
      <c r="DZ6" s="71"/>
      <c r="EA6" s="71"/>
      <c r="EB6" s="71"/>
      <c r="EC6" s="71"/>
      <c r="ED6" s="71"/>
      <c r="EE6" s="71"/>
      <c r="EF6" s="71"/>
      <c r="EG6" s="71"/>
      <c r="EH6" s="71"/>
      <c r="EI6" s="71"/>
      <c r="EJ6" s="71"/>
      <c r="EK6" s="71"/>
      <c r="EL6" s="71"/>
      <c r="EM6" s="71"/>
      <c r="EN6" s="71"/>
      <c r="EO6" s="71"/>
      <c r="EP6" s="71"/>
      <c r="EQ6" s="71"/>
      <c r="ER6" s="71"/>
      <c r="ES6" s="71"/>
      <c r="ET6" s="71"/>
      <c r="EU6" s="71"/>
      <c r="EV6" s="71"/>
      <c r="EW6" s="71"/>
      <c r="EX6" s="71"/>
      <c r="EY6" s="71"/>
      <c r="EZ6" s="71"/>
      <c r="FA6" s="71"/>
      <c r="FB6" s="71"/>
      <c r="FC6" s="71"/>
      <c r="FD6" s="71"/>
      <c r="FE6" s="71"/>
      <c r="FF6" s="71"/>
      <c r="FG6" s="71"/>
      <c r="FH6" s="71"/>
      <c r="FI6" s="71"/>
      <c r="FJ6" s="71"/>
      <c r="FK6" s="71"/>
      <c r="FL6" s="71"/>
      <c r="FM6" s="71"/>
      <c r="FN6" s="71"/>
      <c r="FO6" s="71"/>
      <c r="FP6" s="71"/>
      <c r="FQ6" s="71"/>
      <c r="FR6" s="71"/>
      <c r="FS6" s="71"/>
      <c r="FT6" s="71"/>
      <c r="FU6" s="71"/>
      <c r="FV6" s="71"/>
      <c r="FW6" s="71"/>
      <c r="FX6" s="71"/>
      <c r="FY6" s="71"/>
      <c r="FZ6" s="71"/>
      <c r="GA6" s="71"/>
      <c r="GB6" s="71"/>
      <c r="GC6" s="71"/>
      <c r="GD6" s="71"/>
      <c r="GE6" s="71"/>
      <c r="GF6" s="71"/>
      <c r="GG6" s="71"/>
      <c r="GH6" s="71"/>
      <c r="GI6" s="71"/>
      <c r="GJ6" s="71"/>
      <c r="GK6" s="71"/>
      <c r="GL6" s="71"/>
      <c r="GM6" s="71"/>
      <c r="GN6" s="71"/>
      <c r="GO6" s="71"/>
      <c r="GP6" s="71"/>
      <c r="GQ6" s="71"/>
      <c r="GR6" s="71"/>
      <c r="GS6" s="71"/>
      <c r="GT6" s="71"/>
      <c r="GU6" s="71"/>
      <c r="GV6" s="71"/>
      <c r="GW6" s="71"/>
      <c r="GX6" s="71"/>
      <c r="GY6" s="71"/>
      <c r="GZ6" s="71"/>
      <c r="HA6" s="71"/>
      <c r="HB6" s="71"/>
      <c r="HC6" s="71"/>
      <c r="HD6" s="71"/>
      <c r="HE6" s="71"/>
      <c r="HF6" s="71"/>
      <c r="HG6" s="71"/>
      <c r="HH6" s="71"/>
      <c r="HI6" s="71"/>
      <c r="HJ6" s="71"/>
      <c r="HK6" s="71"/>
      <c r="HL6" s="71"/>
      <c r="HM6" s="71"/>
      <c r="HN6" s="71"/>
      <c r="HO6" s="71"/>
      <c r="HP6" s="71"/>
      <c r="HQ6" s="71"/>
      <c r="HR6" s="71"/>
      <c r="HS6" s="71"/>
      <c r="HT6" s="71"/>
      <c r="HU6" s="71"/>
      <c r="HV6" s="71"/>
      <c r="HW6" s="71"/>
      <c r="HX6" s="71"/>
      <c r="HY6" s="71"/>
      <c r="HZ6" s="71"/>
      <c r="IA6" s="71"/>
      <c r="IB6" s="71"/>
      <c r="IC6" s="71"/>
      <c r="ID6" s="71"/>
      <c r="IE6" s="71"/>
      <c r="IF6" s="71"/>
      <c r="IG6" s="71"/>
      <c r="IH6" s="71"/>
      <c r="II6" s="71"/>
      <c r="IJ6" s="71"/>
      <c r="IK6" s="71"/>
      <c r="IL6" s="71"/>
      <c r="IM6" s="71"/>
      <c r="IN6" s="71"/>
      <c r="IO6" s="71"/>
      <c r="IP6" s="71"/>
      <c r="IQ6" s="71"/>
    </row>
    <row r="7" spans="1:251" ht="15.75">
      <c r="A7" s="71"/>
      <c r="B7" s="328"/>
      <c r="C7" s="328"/>
      <c r="D7" s="316" t="s">
        <v>320</v>
      </c>
      <c r="E7" s="316" t="s">
        <v>75</v>
      </c>
      <c r="F7" s="71"/>
      <c r="G7" s="71"/>
      <c r="H7" s="71"/>
      <c r="I7" s="71"/>
      <c r="J7" s="71"/>
      <c r="K7" s="71"/>
      <c r="L7" s="71"/>
      <c r="M7" s="71"/>
      <c r="N7" s="71"/>
      <c r="O7" s="71"/>
      <c r="P7" s="71"/>
      <c r="Q7" s="71"/>
      <c r="R7" s="71"/>
      <c r="S7" s="71"/>
      <c r="T7" s="71"/>
      <c r="U7" s="71"/>
      <c r="V7" s="71"/>
      <c r="W7" s="71"/>
      <c r="X7" s="71"/>
      <c r="Y7" s="71"/>
      <c r="Z7" s="71"/>
      <c r="AA7" s="71"/>
      <c r="AB7" s="71"/>
      <c r="AC7" s="71"/>
      <c r="AD7" s="71"/>
      <c r="AE7" s="71"/>
      <c r="AF7" s="71"/>
      <c r="AG7" s="71"/>
      <c r="AH7" s="71"/>
      <c r="AI7" s="71"/>
      <c r="AJ7" s="71"/>
      <c r="AK7" s="71"/>
      <c r="AL7" s="71"/>
      <c r="AM7" s="71"/>
      <c r="AN7" s="71"/>
      <c r="AO7" s="71"/>
      <c r="AP7" s="71"/>
      <c r="AQ7" s="71"/>
      <c r="AR7" s="71"/>
      <c r="AS7" s="71"/>
      <c r="AT7" s="71"/>
      <c r="AU7" s="71"/>
      <c r="AV7" s="71"/>
      <c r="AW7" s="71"/>
      <c r="AX7" s="71"/>
      <c r="AY7" s="71"/>
      <c r="AZ7" s="71"/>
      <c r="BA7" s="71"/>
      <c r="BB7" s="71"/>
      <c r="BC7" s="71"/>
      <c r="BD7" s="71"/>
      <c r="BE7" s="71"/>
      <c r="BF7" s="71"/>
      <c r="BG7" s="71"/>
      <c r="BH7" s="71"/>
      <c r="BI7" s="71"/>
      <c r="BJ7" s="71"/>
      <c r="BK7" s="71"/>
      <c r="BL7" s="71"/>
      <c r="BM7" s="71"/>
      <c r="BN7" s="71"/>
      <c r="BO7" s="71"/>
      <c r="BP7" s="71"/>
      <c r="BQ7" s="71"/>
      <c r="BR7" s="71"/>
      <c r="BS7" s="71"/>
      <c r="BT7" s="71"/>
      <c r="BU7" s="71"/>
      <c r="BV7" s="71"/>
      <c r="BW7" s="71"/>
      <c r="BX7" s="71"/>
      <c r="BY7" s="71"/>
      <c r="BZ7" s="71"/>
      <c r="CA7" s="71"/>
      <c r="CB7" s="71"/>
      <c r="CC7" s="71"/>
      <c r="CD7" s="71"/>
      <c r="CE7" s="71"/>
      <c r="CF7" s="71"/>
      <c r="CG7" s="71"/>
      <c r="CH7" s="71"/>
      <c r="CI7" s="71"/>
      <c r="CJ7" s="71"/>
      <c r="CK7" s="71"/>
      <c r="CL7" s="71"/>
      <c r="CM7" s="71"/>
      <c r="CN7" s="71"/>
      <c r="CO7" s="71"/>
      <c r="CP7" s="71"/>
      <c r="CQ7" s="71"/>
      <c r="CR7" s="71"/>
      <c r="CS7" s="71"/>
      <c r="CT7" s="71"/>
      <c r="CU7" s="71"/>
      <c r="CV7" s="71"/>
      <c r="CW7" s="71"/>
      <c r="CX7" s="71"/>
      <c r="CY7" s="71"/>
      <c r="CZ7" s="71"/>
      <c r="DA7" s="71"/>
      <c r="DB7" s="71"/>
      <c r="DC7" s="71"/>
      <c r="DD7" s="71"/>
      <c r="DE7" s="71"/>
      <c r="DF7" s="71"/>
      <c r="DG7" s="71"/>
      <c r="DH7" s="71"/>
      <c r="DI7" s="71"/>
      <c r="DJ7" s="71"/>
      <c r="DK7" s="71"/>
      <c r="DL7" s="71"/>
      <c r="DM7" s="71"/>
      <c r="DN7" s="71"/>
      <c r="DO7" s="71"/>
      <c r="DP7" s="71"/>
      <c r="DQ7" s="71"/>
      <c r="DR7" s="71"/>
      <c r="DS7" s="71"/>
      <c r="DT7" s="71"/>
      <c r="DU7" s="71"/>
      <c r="DV7" s="71"/>
      <c r="DW7" s="71"/>
      <c r="DX7" s="71"/>
      <c r="DY7" s="71"/>
      <c r="DZ7" s="71"/>
      <c r="EA7" s="71"/>
      <c r="EB7" s="71"/>
      <c r="EC7" s="71"/>
      <c r="ED7" s="71"/>
      <c r="EE7" s="71"/>
      <c r="EF7" s="71"/>
      <c r="EG7" s="71"/>
      <c r="EH7" s="71"/>
      <c r="EI7" s="71"/>
      <c r="EJ7" s="71"/>
      <c r="EK7" s="71"/>
      <c r="EL7" s="71"/>
      <c r="EM7" s="71"/>
      <c r="EN7" s="71"/>
      <c r="EO7" s="71"/>
      <c r="EP7" s="71"/>
      <c r="EQ7" s="71"/>
      <c r="ER7" s="71"/>
      <c r="ES7" s="71"/>
      <c r="ET7" s="71"/>
      <c r="EU7" s="71"/>
      <c r="EV7" s="71"/>
      <c r="EW7" s="71"/>
      <c r="EX7" s="71"/>
      <c r="EY7" s="71"/>
      <c r="EZ7" s="71"/>
      <c r="FA7" s="71"/>
      <c r="FB7" s="71"/>
      <c r="FC7" s="71"/>
      <c r="FD7" s="71"/>
      <c r="FE7" s="71"/>
      <c r="FF7" s="71"/>
      <c r="FG7" s="71"/>
      <c r="FH7" s="71"/>
      <c r="FI7" s="71"/>
      <c r="FJ7" s="71"/>
      <c r="FK7" s="71"/>
      <c r="FL7" s="71"/>
      <c r="FM7" s="71"/>
      <c r="FN7" s="71"/>
      <c r="FO7" s="71"/>
      <c r="FP7" s="71"/>
      <c r="FQ7" s="71"/>
      <c r="FR7" s="71"/>
      <c r="FS7" s="71"/>
      <c r="FT7" s="71"/>
      <c r="FU7" s="71"/>
      <c r="FV7" s="71"/>
      <c r="FW7" s="71"/>
      <c r="FX7" s="71"/>
      <c r="FY7" s="71"/>
      <c r="FZ7" s="71"/>
      <c r="GA7" s="71"/>
      <c r="GB7" s="71"/>
      <c r="GC7" s="71"/>
      <c r="GD7" s="71"/>
      <c r="GE7" s="71"/>
      <c r="GF7" s="71"/>
      <c r="GG7" s="71"/>
      <c r="GH7" s="71"/>
      <c r="GI7" s="71"/>
      <c r="GJ7" s="71"/>
      <c r="GK7" s="71"/>
      <c r="GL7" s="71"/>
      <c r="GM7" s="71"/>
      <c r="GN7" s="71"/>
      <c r="GO7" s="71"/>
      <c r="GP7" s="71"/>
      <c r="GQ7" s="71"/>
      <c r="GR7" s="71"/>
      <c r="GS7" s="71"/>
      <c r="GT7" s="71"/>
      <c r="GU7" s="71"/>
      <c r="GV7" s="71"/>
      <c r="GW7" s="71"/>
      <c r="GX7" s="71"/>
      <c r="GY7" s="71"/>
      <c r="GZ7" s="71"/>
      <c r="HA7" s="71"/>
      <c r="HB7" s="71"/>
      <c r="HC7" s="71"/>
      <c r="HD7" s="71"/>
      <c r="HE7" s="71"/>
      <c r="HF7" s="71"/>
      <c r="HG7" s="71"/>
      <c r="HH7" s="71"/>
      <c r="HI7" s="71"/>
      <c r="HJ7" s="71"/>
      <c r="HK7" s="71"/>
      <c r="HL7" s="71"/>
      <c r="HM7" s="71"/>
      <c r="HN7" s="71"/>
      <c r="HO7" s="71"/>
      <c r="HP7" s="71"/>
      <c r="HQ7" s="71"/>
      <c r="HR7" s="71"/>
      <c r="HS7" s="71"/>
      <c r="HT7" s="71"/>
      <c r="HU7" s="71"/>
      <c r="HV7" s="71"/>
      <c r="HW7" s="71"/>
      <c r="HX7" s="71"/>
      <c r="HY7" s="71"/>
      <c r="HZ7" s="71"/>
      <c r="IA7" s="71"/>
      <c r="IB7" s="71"/>
      <c r="IC7" s="71"/>
      <c r="ID7" s="71"/>
      <c r="IE7" s="71"/>
      <c r="IF7" s="71"/>
      <c r="IG7" s="71"/>
      <c r="IH7" s="71"/>
      <c r="II7" s="71"/>
      <c r="IJ7" s="71"/>
      <c r="IK7" s="71"/>
      <c r="IL7" s="71"/>
      <c r="IM7" s="71"/>
      <c r="IN7" s="71"/>
      <c r="IO7" s="71"/>
      <c r="IP7" s="71"/>
      <c r="IQ7" s="71"/>
    </row>
    <row r="8" spans="1:251" ht="12.75">
      <c r="B8" s="72" t="s">
        <v>181</v>
      </c>
      <c r="C8" s="73"/>
      <c r="D8" s="73"/>
      <c r="E8" s="73"/>
    </row>
    <row r="9" spans="1:251" ht="12.75">
      <c r="B9" s="74">
        <v>1</v>
      </c>
      <c r="C9" s="73" t="s">
        <v>182</v>
      </c>
      <c r="D9" s="73">
        <v>21941.7</v>
      </c>
      <c r="E9" s="73">
        <v>21942</v>
      </c>
    </row>
    <row r="10" spans="1:251" ht="12.75">
      <c r="B10" s="74"/>
      <c r="C10" s="73" t="s">
        <v>183</v>
      </c>
      <c r="D10" s="73">
        <v>21941.7</v>
      </c>
      <c r="E10" s="73">
        <v>21942</v>
      </c>
    </row>
    <row r="11" spans="1:251" ht="12.75">
      <c r="A11" s="58"/>
      <c r="B11" s="74">
        <v>2</v>
      </c>
      <c r="C11" s="73" t="s">
        <v>184</v>
      </c>
      <c r="D11" s="73">
        <v>60545.4</v>
      </c>
      <c r="E11" s="73">
        <v>60659</v>
      </c>
    </row>
    <row r="12" spans="1:251" ht="25.5">
      <c r="A12" s="58"/>
      <c r="B12" s="74">
        <v>3</v>
      </c>
      <c r="C12" s="76" t="s">
        <v>185</v>
      </c>
      <c r="D12" s="73">
        <v>44578.2</v>
      </c>
      <c r="E12" s="73">
        <v>44086</v>
      </c>
    </row>
    <row r="13" spans="1:251" ht="12.75">
      <c r="A13" s="58"/>
      <c r="B13" s="74" t="s">
        <v>186</v>
      </c>
      <c r="C13" s="73" t="s">
        <v>187</v>
      </c>
      <c r="D13" s="73"/>
      <c r="E13" s="73"/>
    </row>
    <row r="14" spans="1:251" ht="25.5">
      <c r="A14" s="58"/>
      <c r="B14" s="74">
        <v>4</v>
      </c>
      <c r="C14" s="76" t="s">
        <v>188</v>
      </c>
      <c r="D14" s="73"/>
      <c r="E14" s="73"/>
    </row>
    <row r="15" spans="1:251" ht="12.75">
      <c r="A15" s="58"/>
      <c r="B15" s="74">
        <v>5</v>
      </c>
      <c r="C15" s="73" t="s">
        <v>189</v>
      </c>
      <c r="D15" s="73"/>
      <c r="E15" s="73"/>
      <c r="F15" s="58"/>
      <c r="G15" s="58"/>
      <c r="H15" s="58"/>
      <c r="I15" s="58"/>
      <c r="J15" s="58"/>
      <c r="K15" s="58"/>
      <c r="L15" s="58"/>
      <c r="M15" s="58"/>
      <c r="N15" s="58"/>
      <c r="O15" s="58"/>
      <c r="P15" s="58"/>
      <c r="Q15" s="58"/>
      <c r="R15" s="58"/>
      <c r="S15" s="58"/>
      <c r="T15" s="58"/>
      <c r="U15" s="58"/>
      <c r="V15" s="58"/>
      <c r="W15" s="58"/>
      <c r="X15" s="58"/>
      <c r="Y15" s="58"/>
      <c r="Z15" s="58"/>
      <c r="AA15" s="58"/>
      <c r="AB15" s="58"/>
      <c r="AC15" s="58"/>
      <c r="AD15" s="58"/>
      <c r="AE15" s="58"/>
      <c r="AF15" s="58"/>
      <c r="AG15" s="58"/>
      <c r="AH15" s="58"/>
      <c r="AI15" s="58"/>
      <c r="AJ15" s="58"/>
      <c r="AK15" s="58"/>
      <c r="AL15" s="58"/>
      <c r="AM15" s="58"/>
      <c r="AN15" s="58"/>
      <c r="AO15" s="58"/>
      <c r="AP15" s="58"/>
      <c r="AQ15" s="58"/>
      <c r="AR15" s="58"/>
      <c r="AS15" s="58"/>
      <c r="AT15" s="58"/>
      <c r="AU15" s="58"/>
      <c r="AV15" s="58"/>
      <c r="AW15" s="58"/>
      <c r="AX15" s="58"/>
      <c r="AY15" s="58"/>
      <c r="AZ15" s="58"/>
      <c r="BA15" s="58"/>
      <c r="BB15" s="58"/>
      <c r="BC15" s="58"/>
      <c r="BD15" s="58"/>
      <c r="BE15" s="58"/>
      <c r="BF15" s="58"/>
      <c r="BG15" s="58"/>
      <c r="BH15" s="58"/>
      <c r="BI15" s="58"/>
      <c r="BJ15" s="58"/>
      <c r="BK15" s="58"/>
      <c r="BL15" s="58"/>
      <c r="BM15" s="58"/>
      <c r="BN15" s="58"/>
      <c r="BO15" s="58"/>
      <c r="BP15" s="58"/>
      <c r="BQ15" s="58"/>
      <c r="BR15" s="58"/>
      <c r="BS15" s="58"/>
      <c r="BT15" s="58"/>
      <c r="BU15" s="58"/>
      <c r="BV15" s="58"/>
      <c r="BW15" s="58"/>
      <c r="BX15" s="58"/>
      <c r="BY15" s="58"/>
      <c r="BZ15" s="58"/>
      <c r="CA15" s="58"/>
      <c r="CB15" s="58"/>
      <c r="CC15" s="58"/>
      <c r="CD15" s="58"/>
      <c r="CE15" s="58"/>
      <c r="CF15" s="58"/>
      <c r="CG15" s="58"/>
      <c r="CH15" s="58"/>
      <c r="CI15" s="58"/>
      <c r="CJ15" s="58"/>
      <c r="CK15" s="58"/>
      <c r="CL15" s="58"/>
      <c r="CM15" s="58"/>
      <c r="CN15" s="58"/>
      <c r="CO15" s="58"/>
      <c r="CP15" s="58"/>
      <c r="CQ15" s="58"/>
      <c r="CR15" s="58"/>
      <c r="CS15" s="58"/>
      <c r="CT15" s="58"/>
      <c r="CU15" s="58"/>
      <c r="CV15" s="58"/>
      <c r="CW15" s="58"/>
      <c r="CX15" s="58"/>
      <c r="CY15" s="58"/>
      <c r="CZ15" s="58"/>
      <c r="DA15" s="58"/>
      <c r="DB15" s="58"/>
      <c r="DC15" s="58"/>
      <c r="DD15" s="58"/>
      <c r="DE15" s="58"/>
      <c r="DF15" s="58"/>
      <c r="DG15" s="58"/>
      <c r="DH15" s="58"/>
      <c r="DI15" s="58"/>
      <c r="DJ15" s="58"/>
      <c r="DK15" s="58"/>
      <c r="DL15" s="58"/>
      <c r="DM15" s="58"/>
      <c r="DN15" s="58"/>
      <c r="DO15" s="58"/>
      <c r="DP15" s="58"/>
      <c r="DQ15" s="58"/>
      <c r="DR15" s="58"/>
      <c r="DS15" s="58"/>
      <c r="DT15" s="58"/>
      <c r="DU15" s="58"/>
      <c r="DV15" s="58"/>
      <c r="DW15" s="58"/>
      <c r="DX15" s="58"/>
      <c r="DY15" s="58"/>
      <c r="DZ15" s="58"/>
      <c r="EA15" s="58"/>
      <c r="EB15" s="58"/>
      <c r="EC15" s="58"/>
      <c r="ED15" s="58"/>
      <c r="EE15" s="58"/>
      <c r="EF15" s="58"/>
      <c r="EG15" s="58"/>
      <c r="EH15" s="58"/>
      <c r="EI15" s="58"/>
      <c r="EJ15" s="58"/>
      <c r="EK15" s="58"/>
      <c r="EL15" s="58"/>
      <c r="EM15" s="58"/>
      <c r="EN15" s="58"/>
      <c r="EO15" s="58"/>
      <c r="EP15" s="58"/>
      <c r="EQ15" s="58"/>
      <c r="ER15" s="58"/>
      <c r="ES15" s="58"/>
      <c r="ET15" s="58"/>
      <c r="EU15" s="58"/>
      <c r="EV15" s="58"/>
      <c r="EW15" s="58"/>
      <c r="EX15" s="58"/>
      <c r="EY15" s="58"/>
      <c r="EZ15" s="58"/>
      <c r="FA15" s="58"/>
      <c r="FB15" s="58"/>
      <c r="FC15" s="58"/>
      <c r="FD15" s="58"/>
      <c r="FE15" s="58"/>
      <c r="FF15" s="58"/>
      <c r="FG15" s="58"/>
      <c r="FH15" s="58"/>
      <c r="FI15" s="58"/>
      <c r="FJ15" s="58"/>
      <c r="FK15" s="58"/>
      <c r="FL15" s="58"/>
      <c r="FM15" s="58"/>
      <c r="FN15" s="58"/>
      <c r="FO15" s="58"/>
      <c r="FP15" s="58"/>
      <c r="FQ15" s="58"/>
      <c r="FR15" s="58"/>
      <c r="FS15" s="58"/>
      <c r="FT15" s="58"/>
      <c r="FU15" s="58"/>
      <c r="FV15" s="58"/>
      <c r="FW15" s="58"/>
      <c r="FX15" s="58"/>
      <c r="FY15" s="58"/>
      <c r="FZ15" s="58"/>
      <c r="GA15" s="58"/>
      <c r="GB15" s="58"/>
      <c r="GC15" s="58"/>
      <c r="GD15" s="58"/>
      <c r="GE15" s="58"/>
      <c r="GF15" s="58"/>
      <c r="GG15" s="58"/>
      <c r="GH15" s="58"/>
      <c r="GI15" s="58"/>
      <c r="GJ15" s="58"/>
      <c r="GK15" s="58"/>
      <c r="GL15" s="58"/>
      <c r="GM15" s="58"/>
      <c r="GN15" s="58"/>
      <c r="GO15" s="58"/>
      <c r="GP15" s="58"/>
      <c r="GQ15" s="58"/>
      <c r="GR15" s="58"/>
      <c r="GS15" s="58"/>
      <c r="GT15" s="58"/>
      <c r="GU15" s="58"/>
      <c r="GV15" s="58"/>
      <c r="GW15" s="58"/>
      <c r="GX15" s="58"/>
      <c r="GY15" s="58"/>
      <c r="GZ15" s="58"/>
      <c r="HA15" s="58"/>
      <c r="HB15" s="58"/>
      <c r="HC15" s="58"/>
      <c r="HD15" s="58"/>
      <c r="HE15" s="58"/>
      <c r="HF15" s="58"/>
      <c r="HG15" s="58"/>
      <c r="HH15" s="58"/>
      <c r="HI15" s="58"/>
      <c r="HJ15" s="58"/>
      <c r="HK15" s="58"/>
      <c r="HL15" s="58"/>
      <c r="HM15" s="58"/>
      <c r="HN15" s="58"/>
      <c r="HO15" s="58"/>
      <c r="HP15" s="58"/>
      <c r="HQ15" s="58"/>
      <c r="HR15" s="58"/>
      <c r="HS15" s="58"/>
      <c r="HT15" s="58"/>
      <c r="HU15" s="58"/>
      <c r="HV15" s="58"/>
      <c r="HW15" s="58"/>
      <c r="HX15" s="58"/>
      <c r="HY15" s="58"/>
      <c r="HZ15" s="58"/>
      <c r="IA15" s="58"/>
      <c r="IB15" s="58"/>
      <c r="IC15" s="58"/>
      <c r="ID15" s="58"/>
      <c r="IE15" s="58"/>
      <c r="IF15" s="58"/>
      <c r="IG15" s="58"/>
      <c r="IH15" s="58"/>
      <c r="II15" s="58"/>
      <c r="IJ15" s="58"/>
      <c r="IK15" s="58"/>
      <c r="IL15" s="58"/>
      <c r="IM15" s="58"/>
      <c r="IN15" s="58"/>
      <c r="IO15" s="58"/>
      <c r="IP15" s="58"/>
      <c r="IQ15" s="58"/>
    </row>
    <row r="16" spans="1:251" ht="12.75">
      <c r="A16" s="58"/>
      <c r="B16" s="74" t="s">
        <v>190</v>
      </c>
      <c r="C16" s="73" t="s">
        <v>191</v>
      </c>
      <c r="D16" s="73">
        <v>2578</v>
      </c>
      <c r="E16" s="73">
        <v>-14</v>
      </c>
      <c r="F16" s="58"/>
      <c r="G16" s="58"/>
      <c r="H16" s="58"/>
      <c r="I16" s="58"/>
      <c r="J16" s="58"/>
      <c r="K16" s="58"/>
      <c r="L16" s="58"/>
      <c r="M16" s="58"/>
      <c r="N16" s="58"/>
      <c r="O16" s="58"/>
      <c r="P16" s="58"/>
      <c r="Q16" s="58"/>
      <c r="R16" s="58"/>
      <c r="S16" s="58"/>
      <c r="T16" s="58"/>
      <c r="U16" s="58"/>
      <c r="V16" s="58"/>
      <c r="W16" s="58"/>
      <c r="X16" s="58"/>
      <c r="Y16" s="58"/>
      <c r="Z16" s="58"/>
      <c r="AA16" s="58"/>
      <c r="AB16" s="58"/>
      <c r="AC16" s="58"/>
      <c r="AD16" s="58"/>
      <c r="AE16" s="58"/>
      <c r="AF16" s="58"/>
      <c r="AG16" s="58"/>
      <c r="AH16" s="58"/>
      <c r="AI16" s="58"/>
      <c r="AJ16" s="58"/>
      <c r="AK16" s="58"/>
      <c r="AL16" s="58"/>
      <c r="AM16" s="58"/>
      <c r="AN16" s="58"/>
      <c r="AO16" s="58"/>
      <c r="AP16" s="58"/>
      <c r="AQ16" s="58"/>
      <c r="AR16" s="58"/>
      <c r="AS16" s="58"/>
      <c r="AT16" s="58"/>
      <c r="AU16" s="58"/>
      <c r="AV16" s="58"/>
      <c r="AW16" s="58"/>
      <c r="AX16" s="58"/>
      <c r="AY16" s="58"/>
      <c r="AZ16" s="58"/>
      <c r="BA16" s="58"/>
      <c r="BB16" s="58"/>
      <c r="BC16" s="58"/>
      <c r="BD16" s="58"/>
      <c r="BE16" s="58"/>
      <c r="BF16" s="58"/>
      <c r="BG16" s="58"/>
      <c r="BH16" s="58"/>
      <c r="BI16" s="58"/>
      <c r="BJ16" s="58"/>
      <c r="BK16" s="58"/>
      <c r="BL16" s="58"/>
      <c r="BM16" s="58"/>
      <c r="BN16" s="58"/>
      <c r="BO16" s="58"/>
      <c r="BP16" s="58"/>
      <c r="BQ16" s="58"/>
      <c r="BR16" s="58"/>
      <c r="BS16" s="58"/>
      <c r="BT16" s="58"/>
      <c r="BU16" s="58"/>
      <c r="BV16" s="58"/>
      <c r="BW16" s="58"/>
      <c r="BX16" s="58"/>
      <c r="BY16" s="58"/>
      <c r="BZ16" s="58"/>
      <c r="CA16" s="58"/>
      <c r="CB16" s="58"/>
      <c r="CC16" s="58"/>
      <c r="CD16" s="58"/>
      <c r="CE16" s="58"/>
      <c r="CF16" s="58"/>
      <c r="CG16" s="58"/>
      <c r="CH16" s="58"/>
      <c r="CI16" s="58"/>
      <c r="CJ16" s="58"/>
      <c r="CK16" s="58"/>
      <c r="CL16" s="58"/>
      <c r="CM16" s="58"/>
      <c r="CN16" s="58"/>
      <c r="CO16" s="58"/>
      <c r="CP16" s="58"/>
      <c r="CQ16" s="58"/>
      <c r="CR16" s="58"/>
      <c r="CS16" s="58"/>
      <c r="CT16" s="58"/>
      <c r="CU16" s="58"/>
      <c r="CV16" s="58"/>
      <c r="CW16" s="58"/>
      <c r="CX16" s="58"/>
      <c r="CY16" s="58"/>
      <c r="CZ16" s="58"/>
      <c r="DA16" s="58"/>
      <c r="DB16" s="58"/>
      <c r="DC16" s="58"/>
      <c r="DD16" s="58"/>
      <c r="DE16" s="58"/>
      <c r="DF16" s="58"/>
      <c r="DG16" s="58"/>
      <c r="DH16" s="58"/>
      <c r="DI16" s="58"/>
      <c r="DJ16" s="58"/>
      <c r="DK16" s="58"/>
      <c r="DL16" s="58"/>
      <c r="DM16" s="58"/>
      <c r="DN16" s="58"/>
      <c r="DO16" s="58"/>
      <c r="DP16" s="58"/>
      <c r="DQ16" s="58"/>
      <c r="DR16" s="58"/>
      <c r="DS16" s="58"/>
      <c r="DT16" s="58"/>
      <c r="DU16" s="58"/>
      <c r="DV16" s="58"/>
      <c r="DW16" s="58"/>
      <c r="DX16" s="58"/>
      <c r="DY16" s="58"/>
      <c r="DZ16" s="58"/>
      <c r="EA16" s="58"/>
      <c r="EB16" s="58"/>
      <c r="EC16" s="58"/>
      <c r="ED16" s="58"/>
      <c r="EE16" s="58"/>
      <c r="EF16" s="58"/>
      <c r="EG16" s="58"/>
      <c r="EH16" s="58"/>
      <c r="EI16" s="58"/>
      <c r="EJ16" s="58"/>
      <c r="EK16" s="58"/>
      <c r="EL16" s="58"/>
      <c r="EM16" s="58"/>
      <c r="EN16" s="58"/>
      <c r="EO16" s="58"/>
      <c r="EP16" s="58"/>
      <c r="EQ16" s="58"/>
      <c r="ER16" s="58"/>
      <c r="ES16" s="58"/>
      <c r="ET16" s="58"/>
      <c r="EU16" s="58"/>
      <c r="EV16" s="58"/>
      <c r="EW16" s="58"/>
      <c r="EX16" s="58"/>
      <c r="EY16" s="58"/>
      <c r="EZ16" s="58"/>
      <c r="FA16" s="58"/>
      <c r="FB16" s="58"/>
      <c r="FC16" s="58"/>
      <c r="FD16" s="58"/>
      <c r="FE16" s="58"/>
      <c r="FF16" s="58"/>
      <c r="FG16" s="58"/>
      <c r="FH16" s="58"/>
      <c r="FI16" s="58"/>
      <c r="FJ16" s="58"/>
      <c r="FK16" s="58"/>
      <c r="FL16" s="58"/>
      <c r="FM16" s="58"/>
      <c r="FN16" s="58"/>
      <c r="FO16" s="58"/>
      <c r="FP16" s="58"/>
      <c r="FQ16" s="58"/>
      <c r="FR16" s="58"/>
      <c r="FS16" s="58"/>
      <c r="FT16" s="58"/>
      <c r="FU16" s="58"/>
      <c r="FV16" s="58"/>
      <c r="FW16" s="58"/>
      <c r="FX16" s="58"/>
      <c r="FY16" s="58"/>
      <c r="FZ16" s="58"/>
      <c r="GA16" s="58"/>
      <c r="GB16" s="58"/>
      <c r="GC16" s="58"/>
      <c r="GD16" s="58"/>
      <c r="GE16" s="58"/>
      <c r="GF16" s="58"/>
      <c r="GG16" s="58"/>
      <c r="GH16" s="58"/>
      <c r="GI16" s="58"/>
      <c r="GJ16" s="58"/>
      <c r="GK16" s="58"/>
      <c r="GL16" s="58"/>
      <c r="GM16" s="58"/>
      <c r="GN16" s="58"/>
      <c r="GO16" s="58"/>
      <c r="GP16" s="58"/>
      <c r="GQ16" s="58"/>
      <c r="GR16" s="58"/>
      <c r="GS16" s="58"/>
      <c r="GT16" s="58"/>
      <c r="GU16" s="58"/>
      <c r="GV16" s="58"/>
      <c r="GW16" s="58"/>
      <c r="GX16" s="58"/>
      <c r="GY16" s="58"/>
      <c r="GZ16" s="58"/>
      <c r="HA16" s="58"/>
      <c r="HB16" s="58"/>
      <c r="HC16" s="58"/>
      <c r="HD16" s="58"/>
      <c r="HE16" s="58"/>
      <c r="HF16" s="58"/>
      <c r="HG16" s="58"/>
      <c r="HH16" s="58"/>
      <c r="HI16" s="58"/>
      <c r="HJ16" s="58"/>
      <c r="HK16" s="58"/>
      <c r="HL16" s="58"/>
      <c r="HM16" s="58"/>
      <c r="HN16" s="58"/>
      <c r="HO16" s="58"/>
      <c r="HP16" s="58"/>
      <c r="HQ16" s="58"/>
      <c r="HR16" s="58"/>
      <c r="HS16" s="58"/>
      <c r="HT16" s="58"/>
      <c r="HU16" s="58"/>
      <c r="HV16" s="58"/>
      <c r="HW16" s="58"/>
      <c r="HX16" s="58"/>
      <c r="HY16" s="58"/>
      <c r="HZ16" s="58"/>
      <c r="IA16" s="58"/>
      <c r="IB16" s="58"/>
      <c r="IC16" s="58"/>
      <c r="ID16" s="58"/>
      <c r="IE16" s="58"/>
      <c r="IF16" s="58"/>
      <c r="IG16" s="58"/>
      <c r="IH16" s="58"/>
      <c r="II16" s="58"/>
      <c r="IJ16" s="58"/>
      <c r="IK16" s="58"/>
      <c r="IL16" s="58"/>
      <c r="IM16" s="58"/>
      <c r="IN16" s="58"/>
      <c r="IO16" s="58"/>
      <c r="IP16" s="58"/>
      <c r="IQ16" s="58"/>
    </row>
    <row r="17" spans="1:251" ht="12.75">
      <c r="A17" s="18"/>
      <c r="B17" s="77">
        <v>6</v>
      </c>
      <c r="C17" s="78" t="s">
        <v>192</v>
      </c>
      <c r="D17" s="63">
        <v>129643.3</v>
      </c>
      <c r="E17" s="78">
        <v>126673</v>
      </c>
      <c r="F17" s="58"/>
      <c r="G17" s="18"/>
      <c r="H17" s="18"/>
      <c r="I17" s="18"/>
      <c r="J17" s="18"/>
      <c r="K17" s="18"/>
      <c r="L17" s="18"/>
      <c r="M17" s="18"/>
      <c r="N17" s="18"/>
      <c r="O17" s="18"/>
      <c r="P17" s="18"/>
      <c r="Q17" s="18"/>
      <c r="R17" s="18"/>
      <c r="S17" s="18"/>
      <c r="T17" s="18"/>
      <c r="U17" s="18"/>
      <c r="V17" s="18"/>
      <c r="W17" s="18"/>
      <c r="X17" s="18"/>
      <c r="Y17" s="18"/>
      <c r="Z17" s="18"/>
      <c r="AA17" s="18"/>
      <c r="AB17" s="18"/>
      <c r="AC17" s="18"/>
      <c r="AD17" s="18"/>
      <c r="AE17" s="18"/>
      <c r="AF17" s="18"/>
      <c r="AG17" s="18"/>
      <c r="AH17" s="18"/>
      <c r="AI17" s="18"/>
      <c r="AJ17" s="18"/>
      <c r="AK17" s="18"/>
      <c r="AL17" s="18"/>
      <c r="AM17" s="18"/>
      <c r="AN17" s="18"/>
      <c r="AO17" s="18"/>
      <c r="AP17" s="18"/>
      <c r="AQ17" s="18"/>
      <c r="AR17" s="18"/>
      <c r="AS17" s="18"/>
      <c r="AT17" s="18"/>
      <c r="AU17" s="18"/>
      <c r="AV17" s="18"/>
      <c r="AW17" s="18"/>
      <c r="AX17" s="18"/>
      <c r="AY17" s="18"/>
      <c r="AZ17" s="18"/>
      <c r="BA17" s="18"/>
      <c r="BB17" s="18"/>
      <c r="BC17" s="18"/>
      <c r="BD17" s="18"/>
      <c r="BE17" s="18"/>
      <c r="BF17" s="18"/>
      <c r="BG17" s="18"/>
      <c r="BH17" s="18"/>
      <c r="BI17" s="18"/>
      <c r="BJ17" s="18"/>
      <c r="BK17" s="18"/>
      <c r="BL17" s="18"/>
      <c r="BM17" s="18"/>
      <c r="BN17" s="18"/>
      <c r="BO17" s="18"/>
      <c r="BP17" s="18"/>
      <c r="BQ17" s="18"/>
      <c r="BR17" s="18"/>
      <c r="BS17" s="18"/>
      <c r="BT17" s="18"/>
      <c r="BU17" s="18"/>
      <c r="BV17" s="18"/>
      <c r="BW17" s="18"/>
      <c r="BX17" s="18"/>
      <c r="BY17" s="18"/>
      <c r="BZ17" s="18"/>
      <c r="CA17" s="18"/>
      <c r="CB17" s="18"/>
      <c r="CC17" s="18"/>
      <c r="CD17" s="18"/>
      <c r="CE17" s="18"/>
      <c r="CF17" s="18"/>
      <c r="CG17" s="18"/>
      <c r="CH17" s="18"/>
      <c r="CI17" s="18"/>
      <c r="CJ17" s="18"/>
      <c r="CK17" s="18"/>
      <c r="CL17" s="18"/>
      <c r="CM17" s="18"/>
      <c r="CN17" s="18"/>
      <c r="CO17" s="18"/>
      <c r="CP17" s="18"/>
      <c r="CQ17" s="18"/>
      <c r="CR17" s="18"/>
      <c r="CS17" s="18"/>
      <c r="CT17" s="18"/>
      <c r="CU17" s="18"/>
      <c r="CV17" s="18"/>
      <c r="CW17" s="18"/>
      <c r="CX17" s="18"/>
      <c r="CY17" s="18"/>
      <c r="CZ17" s="18"/>
      <c r="DA17" s="18"/>
      <c r="DB17" s="18"/>
      <c r="DC17" s="18"/>
      <c r="DD17" s="18"/>
      <c r="DE17" s="18"/>
      <c r="DF17" s="18"/>
      <c r="DG17" s="18"/>
      <c r="DH17" s="18"/>
      <c r="DI17" s="18"/>
      <c r="DJ17" s="18"/>
      <c r="DK17" s="18"/>
      <c r="DL17" s="18"/>
      <c r="DM17" s="18"/>
      <c r="DN17" s="18"/>
      <c r="DO17" s="18"/>
      <c r="DP17" s="18"/>
      <c r="DQ17" s="18"/>
      <c r="DR17" s="18"/>
      <c r="DS17" s="18"/>
      <c r="DT17" s="18"/>
      <c r="DU17" s="18"/>
      <c r="DV17" s="18"/>
      <c r="DW17" s="18"/>
      <c r="DX17" s="18"/>
      <c r="DY17" s="18"/>
      <c r="DZ17" s="18"/>
      <c r="EA17" s="18"/>
      <c r="EB17" s="18"/>
      <c r="EC17" s="18"/>
      <c r="ED17" s="18"/>
      <c r="EE17" s="18"/>
      <c r="EF17" s="18"/>
      <c r="EG17" s="18"/>
      <c r="EH17" s="18"/>
      <c r="EI17" s="18"/>
      <c r="EJ17" s="18"/>
      <c r="EK17" s="18"/>
      <c r="EL17" s="18"/>
      <c r="EM17" s="18"/>
      <c r="EN17" s="18"/>
      <c r="EO17" s="18"/>
      <c r="EP17" s="18"/>
      <c r="EQ17" s="18"/>
      <c r="ER17" s="18"/>
      <c r="ES17" s="18"/>
      <c r="ET17" s="18"/>
      <c r="EU17" s="18"/>
      <c r="EV17" s="18"/>
      <c r="EW17" s="18"/>
      <c r="EX17" s="18"/>
      <c r="EY17" s="18"/>
      <c r="EZ17" s="18"/>
      <c r="FA17" s="18"/>
      <c r="FB17" s="18"/>
      <c r="FC17" s="18"/>
      <c r="FD17" s="18"/>
      <c r="FE17" s="18"/>
      <c r="FF17" s="18"/>
      <c r="FG17" s="18"/>
      <c r="FH17" s="18"/>
      <c r="FI17" s="18"/>
      <c r="FJ17" s="18"/>
      <c r="FK17" s="18"/>
      <c r="FL17" s="18"/>
      <c r="FM17" s="18"/>
      <c r="FN17" s="18"/>
      <c r="FO17" s="18"/>
      <c r="FP17" s="18"/>
      <c r="FQ17" s="18"/>
      <c r="FR17" s="18"/>
      <c r="FS17" s="18"/>
      <c r="FT17" s="18"/>
      <c r="FU17" s="18"/>
      <c r="FV17" s="18"/>
      <c r="FW17" s="18"/>
      <c r="FX17" s="18"/>
      <c r="FY17" s="18"/>
      <c r="FZ17" s="18"/>
      <c r="GA17" s="18"/>
      <c r="GB17" s="18"/>
      <c r="GC17" s="18"/>
      <c r="GD17" s="18"/>
      <c r="GE17" s="18"/>
      <c r="GF17" s="18"/>
      <c r="GG17" s="18"/>
      <c r="GH17" s="18"/>
      <c r="GI17" s="18"/>
      <c r="GJ17" s="18"/>
      <c r="GK17" s="18"/>
      <c r="GL17" s="18"/>
      <c r="GM17" s="18"/>
      <c r="GN17" s="18"/>
      <c r="GO17" s="18"/>
      <c r="GP17" s="18"/>
      <c r="GQ17" s="18"/>
      <c r="GR17" s="18"/>
      <c r="GS17" s="18"/>
      <c r="GT17" s="18"/>
      <c r="GU17" s="18"/>
      <c r="GV17" s="18"/>
      <c r="GW17" s="18"/>
      <c r="GX17" s="18"/>
      <c r="GY17" s="18"/>
      <c r="GZ17" s="18"/>
      <c r="HA17" s="18"/>
      <c r="HB17" s="18"/>
      <c r="HC17" s="18"/>
      <c r="HD17" s="18"/>
      <c r="HE17" s="18"/>
      <c r="HF17" s="18"/>
      <c r="HG17" s="18"/>
      <c r="HH17" s="18"/>
      <c r="HI17" s="18"/>
      <c r="HJ17" s="18"/>
      <c r="HK17" s="18"/>
      <c r="HL17" s="18"/>
      <c r="HM17" s="18"/>
      <c r="HN17" s="18"/>
      <c r="HO17" s="18"/>
      <c r="HP17" s="18"/>
      <c r="HQ17" s="18"/>
      <c r="HR17" s="18"/>
      <c r="HS17" s="18"/>
      <c r="HT17" s="18"/>
      <c r="HU17" s="18"/>
      <c r="HV17" s="18"/>
      <c r="HW17" s="18"/>
      <c r="HX17" s="18"/>
      <c r="HY17" s="18"/>
      <c r="HZ17" s="18"/>
      <c r="IA17" s="18"/>
      <c r="IB17" s="18"/>
      <c r="IC17" s="18"/>
      <c r="ID17" s="18"/>
      <c r="IE17" s="18"/>
      <c r="IF17" s="18"/>
      <c r="IG17" s="18"/>
      <c r="IH17" s="18"/>
      <c r="II17" s="18"/>
      <c r="IJ17" s="18"/>
      <c r="IK17" s="18"/>
      <c r="IL17" s="18"/>
      <c r="IM17" s="18"/>
      <c r="IN17" s="18"/>
      <c r="IO17" s="18"/>
      <c r="IP17" s="18"/>
      <c r="IQ17" s="18"/>
    </row>
    <row r="18" spans="1:251" ht="12.75">
      <c r="A18" s="58"/>
      <c r="B18" s="72" t="s">
        <v>193</v>
      </c>
      <c r="C18" s="73"/>
      <c r="D18" s="73"/>
      <c r="E18" s="73"/>
      <c r="F18" s="58"/>
    </row>
    <row r="19" spans="1:251" ht="12.75">
      <c r="A19" s="58"/>
      <c r="B19" s="74">
        <v>7</v>
      </c>
      <c r="C19" s="73" t="s">
        <v>194</v>
      </c>
      <c r="D19" s="73">
        <v>-738</v>
      </c>
      <c r="E19" s="73">
        <v>-1169</v>
      </c>
    </row>
    <row r="20" spans="1:251" ht="12.75">
      <c r="A20" s="58"/>
      <c r="B20" s="74">
        <v>8</v>
      </c>
      <c r="C20" s="73" t="s">
        <v>195</v>
      </c>
      <c r="D20" s="73">
        <v>-6938.4</v>
      </c>
      <c r="E20" s="73">
        <v>-6835</v>
      </c>
    </row>
    <row r="21" spans="1:251" ht="12.75">
      <c r="A21" s="58"/>
      <c r="B21" s="74">
        <v>9</v>
      </c>
      <c r="C21" s="73" t="s">
        <v>196</v>
      </c>
      <c r="D21" s="73"/>
      <c r="E21" s="73"/>
    </row>
    <row r="22" spans="1:251" ht="25.5">
      <c r="A22" s="58"/>
      <c r="B22" s="74">
        <v>10</v>
      </c>
      <c r="C22" s="76" t="s">
        <v>197</v>
      </c>
      <c r="D22" s="73">
        <v>-166.8</v>
      </c>
      <c r="E22" s="73">
        <v>-208</v>
      </c>
    </row>
    <row r="23" spans="1:251" ht="12.75">
      <c r="A23" s="58"/>
      <c r="B23" s="74">
        <v>11</v>
      </c>
      <c r="C23" s="73" t="s">
        <v>198</v>
      </c>
      <c r="D23" s="73">
        <v>-1739.7</v>
      </c>
      <c r="E23" s="73">
        <v>-2400</v>
      </c>
    </row>
    <row r="24" spans="1:251" ht="12.75">
      <c r="A24" s="58"/>
      <c r="B24" s="74">
        <v>12</v>
      </c>
      <c r="C24" s="73" t="s">
        <v>199</v>
      </c>
      <c r="D24" s="73">
        <v>-737</v>
      </c>
      <c r="E24" s="73">
        <v>-381</v>
      </c>
    </row>
    <row r="25" spans="1:251" ht="12.75">
      <c r="A25" s="58"/>
      <c r="B25" s="74">
        <v>13</v>
      </c>
      <c r="C25" s="73" t="s">
        <v>200</v>
      </c>
      <c r="D25" s="73"/>
      <c r="E25" s="73"/>
    </row>
    <row r="26" spans="1:251" ht="12.75">
      <c r="A26" s="58"/>
      <c r="B26" s="74">
        <v>14</v>
      </c>
      <c r="C26" s="73" t="s">
        <v>201</v>
      </c>
      <c r="D26" s="73">
        <v>72.099999999999994</v>
      </c>
      <c r="E26" s="73">
        <v>-115</v>
      </c>
      <c r="F26" s="58"/>
      <c r="G26" s="58"/>
    </row>
    <row r="27" spans="1:251" ht="12.75">
      <c r="A27" s="58"/>
      <c r="B27" s="74">
        <v>15</v>
      </c>
      <c r="C27" s="73" t="s">
        <v>202</v>
      </c>
      <c r="D27" s="73">
        <v>-2348.1</v>
      </c>
      <c r="E27" s="73">
        <v>-920</v>
      </c>
    </row>
    <row r="28" spans="1:251" ht="12.75">
      <c r="A28" s="58"/>
      <c r="B28" s="74">
        <v>16</v>
      </c>
      <c r="C28" s="73" t="s">
        <v>203</v>
      </c>
      <c r="D28" s="73">
        <v>-203.8</v>
      </c>
      <c r="E28" s="73">
        <v>-191</v>
      </c>
    </row>
    <row r="29" spans="1:251" ht="25.5">
      <c r="A29" s="58"/>
      <c r="B29" s="74">
        <v>17</v>
      </c>
      <c r="C29" s="76" t="s">
        <v>204</v>
      </c>
      <c r="D29" s="73"/>
      <c r="E29" s="73"/>
    </row>
    <row r="30" spans="1:251" ht="38.25">
      <c r="A30" s="58"/>
      <c r="B30" s="74">
        <v>18</v>
      </c>
      <c r="C30" s="76" t="s">
        <v>205</v>
      </c>
      <c r="D30" s="73"/>
      <c r="E30" s="73"/>
    </row>
    <row r="31" spans="1:251" ht="38.25">
      <c r="A31" s="58"/>
      <c r="B31" s="74">
        <v>19</v>
      </c>
      <c r="C31" s="76" t="s">
        <v>206</v>
      </c>
      <c r="D31" s="73"/>
      <c r="E31" s="73"/>
    </row>
    <row r="32" spans="1:251" ht="12.75">
      <c r="A32" s="58"/>
      <c r="B32" s="74">
        <v>20</v>
      </c>
      <c r="C32" s="73" t="s">
        <v>196</v>
      </c>
      <c r="D32" s="73"/>
      <c r="E32" s="73"/>
    </row>
    <row r="33" spans="1:251" ht="25.5">
      <c r="A33" s="58"/>
      <c r="B33" s="74" t="s">
        <v>207</v>
      </c>
      <c r="C33" s="76" t="s">
        <v>208</v>
      </c>
      <c r="D33" s="73">
        <v>-30.3</v>
      </c>
      <c r="E33" s="73">
        <v>-35</v>
      </c>
    </row>
    <row r="34" spans="1:251" ht="12.75">
      <c r="A34" s="58"/>
      <c r="B34" s="74" t="s">
        <v>209</v>
      </c>
      <c r="C34" s="73" t="s">
        <v>210</v>
      </c>
      <c r="D34" s="73"/>
      <c r="E34" s="73"/>
    </row>
    <row r="35" spans="1:251" ht="12.75">
      <c r="A35" s="58"/>
      <c r="B35" s="74" t="s">
        <v>211</v>
      </c>
      <c r="C35" s="73" t="s">
        <v>212</v>
      </c>
      <c r="D35" s="73">
        <v>-30.3</v>
      </c>
      <c r="E35" s="73">
        <v>-35</v>
      </c>
    </row>
    <row r="36" spans="1:251" ht="12.75">
      <c r="A36" s="58"/>
      <c r="B36" s="74" t="s">
        <v>213</v>
      </c>
      <c r="C36" s="73" t="s">
        <v>214</v>
      </c>
      <c r="D36" s="73"/>
      <c r="E36" s="73"/>
    </row>
    <row r="37" spans="1:251" ht="25.5">
      <c r="A37" s="58"/>
      <c r="B37" s="74">
        <v>21</v>
      </c>
      <c r="C37" s="76" t="s">
        <v>215</v>
      </c>
      <c r="D37" s="73"/>
      <c r="E37" s="73"/>
    </row>
    <row r="38" spans="1:251" ht="12.75">
      <c r="A38" s="58"/>
      <c r="B38" s="74">
        <v>22</v>
      </c>
      <c r="C38" s="73" t="s">
        <v>216</v>
      </c>
      <c r="D38" s="73"/>
      <c r="E38" s="73"/>
    </row>
    <row r="39" spans="1:251" ht="25.5">
      <c r="A39" s="58"/>
      <c r="B39" s="74">
        <v>23</v>
      </c>
      <c r="C39" s="76" t="s">
        <v>217</v>
      </c>
      <c r="D39" s="73"/>
      <c r="E39" s="73"/>
    </row>
    <row r="40" spans="1:251" ht="12.75">
      <c r="A40" s="58"/>
      <c r="B40" s="74">
        <v>24</v>
      </c>
      <c r="C40" s="73" t="s">
        <v>196</v>
      </c>
      <c r="D40" s="73"/>
      <c r="E40" s="73"/>
    </row>
    <row r="41" spans="1:251" ht="12.75">
      <c r="A41" s="58"/>
      <c r="B41" s="74">
        <v>25</v>
      </c>
      <c r="C41" s="73" t="s">
        <v>218</v>
      </c>
      <c r="D41" s="73"/>
      <c r="E41" s="73"/>
    </row>
    <row r="42" spans="1:251" ht="12.75">
      <c r="A42" s="58"/>
      <c r="B42" s="74" t="s">
        <v>219</v>
      </c>
      <c r="C42" s="73" t="s">
        <v>220</v>
      </c>
      <c r="D42" s="73"/>
      <c r="E42" s="73"/>
    </row>
    <row r="43" spans="1:251" ht="13.5" thickBot="1">
      <c r="A43" s="58"/>
      <c r="B43" s="74" t="s">
        <v>221</v>
      </c>
      <c r="C43" s="73" t="s">
        <v>222</v>
      </c>
      <c r="D43" s="73"/>
      <c r="E43" s="73"/>
    </row>
    <row r="44" spans="1:251" ht="13.5" thickBot="1">
      <c r="A44" s="58"/>
      <c r="B44" s="79">
        <v>26</v>
      </c>
      <c r="C44" s="80" t="s">
        <v>223</v>
      </c>
      <c r="D44" s="73"/>
      <c r="E44" s="73"/>
    </row>
    <row r="45" spans="1:251" ht="13.5" thickBot="1">
      <c r="A45" s="58"/>
      <c r="B45" s="79" t="s">
        <v>224</v>
      </c>
      <c r="C45" s="80" t="s">
        <v>225</v>
      </c>
      <c r="D45" s="81"/>
      <c r="E45" s="81"/>
    </row>
    <row r="46" spans="1:251" ht="13.5" thickBot="1">
      <c r="A46" s="58"/>
      <c r="B46" s="79"/>
      <c r="C46" s="80" t="s">
        <v>226</v>
      </c>
      <c r="D46" s="73"/>
      <c r="E46" s="73"/>
    </row>
    <row r="47" spans="1:251" ht="13.5" thickBot="1">
      <c r="A47" s="58"/>
      <c r="B47" s="79"/>
      <c r="C47" s="80" t="s">
        <v>227</v>
      </c>
      <c r="D47" s="73"/>
      <c r="E47" s="73"/>
    </row>
    <row r="48" spans="1:251" ht="26.25" thickBot="1">
      <c r="A48" s="58"/>
      <c r="B48" s="79" t="s">
        <v>228</v>
      </c>
      <c r="C48" s="80" t="s">
        <v>229</v>
      </c>
      <c r="D48" s="73"/>
      <c r="E48" s="73"/>
      <c r="F48" s="58"/>
      <c r="G48" s="58"/>
      <c r="H48" s="58"/>
      <c r="I48" s="58"/>
      <c r="J48" s="58"/>
      <c r="K48" s="58"/>
      <c r="L48" s="58"/>
      <c r="M48" s="58"/>
      <c r="N48" s="58"/>
      <c r="O48" s="58"/>
      <c r="P48" s="58"/>
      <c r="Q48" s="58"/>
      <c r="R48" s="58"/>
      <c r="S48" s="58"/>
      <c r="T48" s="58"/>
      <c r="U48" s="58"/>
      <c r="V48" s="58"/>
      <c r="W48" s="58"/>
      <c r="X48" s="58"/>
      <c r="Y48" s="58"/>
      <c r="Z48" s="58"/>
      <c r="AA48" s="58"/>
      <c r="AB48" s="58"/>
      <c r="AC48" s="58"/>
      <c r="AD48" s="58"/>
      <c r="AE48" s="58"/>
      <c r="AF48" s="58"/>
      <c r="AG48" s="58"/>
      <c r="AH48" s="58"/>
      <c r="AI48" s="58"/>
      <c r="AJ48" s="58"/>
      <c r="AK48" s="58"/>
      <c r="AL48" s="58"/>
      <c r="AM48" s="58"/>
      <c r="AN48" s="58"/>
      <c r="AO48" s="58"/>
      <c r="AP48" s="58"/>
      <c r="AQ48" s="58"/>
      <c r="AR48" s="58"/>
      <c r="AS48" s="58"/>
      <c r="AT48" s="58"/>
      <c r="AU48" s="58"/>
      <c r="AV48" s="58"/>
      <c r="AW48" s="58"/>
      <c r="AX48" s="58"/>
      <c r="AY48" s="58"/>
      <c r="AZ48" s="58"/>
      <c r="BA48" s="58"/>
      <c r="BB48" s="58"/>
      <c r="BC48" s="58"/>
      <c r="BD48" s="58"/>
      <c r="BE48" s="58"/>
      <c r="BF48" s="58"/>
      <c r="BG48" s="58"/>
      <c r="BH48" s="58"/>
      <c r="BI48" s="58"/>
      <c r="BJ48" s="58"/>
      <c r="BK48" s="58"/>
      <c r="BL48" s="58"/>
      <c r="BM48" s="58"/>
      <c r="BN48" s="58"/>
      <c r="BO48" s="58"/>
      <c r="BP48" s="58"/>
      <c r="BQ48" s="58"/>
      <c r="BR48" s="58"/>
      <c r="BS48" s="58"/>
      <c r="BT48" s="58"/>
      <c r="BU48" s="58"/>
      <c r="BV48" s="58"/>
      <c r="BW48" s="58"/>
      <c r="BX48" s="58"/>
      <c r="BY48" s="58"/>
      <c r="BZ48" s="58"/>
      <c r="CA48" s="58"/>
      <c r="CB48" s="58"/>
      <c r="CC48" s="58"/>
      <c r="CD48" s="58"/>
      <c r="CE48" s="58"/>
      <c r="CF48" s="58"/>
      <c r="CG48" s="58"/>
      <c r="CH48" s="58"/>
      <c r="CI48" s="58"/>
      <c r="CJ48" s="58"/>
      <c r="CK48" s="58"/>
      <c r="CL48" s="58"/>
      <c r="CM48" s="58"/>
      <c r="CN48" s="58"/>
      <c r="CO48" s="58"/>
      <c r="CP48" s="58"/>
      <c r="CQ48" s="58"/>
      <c r="CR48" s="58"/>
      <c r="CS48" s="58"/>
      <c r="CT48" s="58"/>
      <c r="CU48" s="58"/>
      <c r="CV48" s="58"/>
      <c r="CW48" s="58"/>
      <c r="CX48" s="58"/>
      <c r="CY48" s="58"/>
      <c r="CZ48" s="58"/>
      <c r="DA48" s="58"/>
      <c r="DB48" s="58"/>
      <c r="DC48" s="58"/>
      <c r="DD48" s="58"/>
      <c r="DE48" s="58"/>
      <c r="DF48" s="58"/>
      <c r="DG48" s="58"/>
      <c r="DH48" s="58"/>
      <c r="DI48" s="58"/>
      <c r="DJ48" s="58"/>
      <c r="DK48" s="58"/>
      <c r="DL48" s="58"/>
      <c r="DM48" s="58"/>
      <c r="DN48" s="58"/>
      <c r="DO48" s="58"/>
      <c r="DP48" s="58"/>
      <c r="DQ48" s="58"/>
      <c r="DR48" s="58"/>
      <c r="DS48" s="58"/>
      <c r="DT48" s="58"/>
      <c r="DU48" s="58"/>
      <c r="DV48" s="58"/>
      <c r="DW48" s="58"/>
      <c r="DX48" s="58"/>
      <c r="DY48" s="58"/>
      <c r="DZ48" s="58"/>
      <c r="EA48" s="58"/>
      <c r="EB48" s="58"/>
      <c r="EC48" s="58"/>
      <c r="ED48" s="58"/>
      <c r="EE48" s="58"/>
      <c r="EF48" s="58"/>
      <c r="EG48" s="58"/>
      <c r="EH48" s="58"/>
      <c r="EI48" s="58"/>
      <c r="EJ48" s="58"/>
      <c r="EK48" s="58"/>
      <c r="EL48" s="58"/>
      <c r="EM48" s="58"/>
      <c r="EN48" s="58"/>
      <c r="EO48" s="58"/>
      <c r="EP48" s="58"/>
      <c r="EQ48" s="58"/>
      <c r="ER48" s="58"/>
      <c r="ES48" s="58"/>
      <c r="ET48" s="58"/>
      <c r="EU48" s="58"/>
      <c r="EV48" s="58"/>
      <c r="EW48" s="58"/>
      <c r="EX48" s="58"/>
      <c r="EY48" s="58"/>
      <c r="EZ48" s="58"/>
      <c r="FA48" s="58"/>
      <c r="FB48" s="58"/>
      <c r="FC48" s="58"/>
      <c r="FD48" s="58"/>
      <c r="FE48" s="58"/>
      <c r="FF48" s="58"/>
      <c r="FG48" s="58"/>
      <c r="FH48" s="58"/>
      <c r="FI48" s="58"/>
      <c r="FJ48" s="58"/>
      <c r="FK48" s="58"/>
      <c r="FL48" s="58"/>
      <c r="FM48" s="58"/>
      <c r="FN48" s="58"/>
      <c r="FO48" s="58"/>
      <c r="FP48" s="58"/>
      <c r="FQ48" s="58"/>
      <c r="FR48" s="58"/>
      <c r="FS48" s="58"/>
      <c r="FT48" s="58"/>
      <c r="FU48" s="58"/>
      <c r="FV48" s="58"/>
      <c r="FW48" s="58"/>
      <c r="FX48" s="58"/>
      <c r="FY48" s="58"/>
      <c r="FZ48" s="58"/>
      <c r="GA48" s="58"/>
      <c r="GB48" s="58"/>
      <c r="GC48" s="58"/>
      <c r="GD48" s="58"/>
      <c r="GE48" s="58"/>
      <c r="GF48" s="58"/>
      <c r="GG48" s="58"/>
      <c r="GH48" s="58"/>
      <c r="GI48" s="58"/>
      <c r="GJ48" s="58"/>
      <c r="GK48" s="58"/>
      <c r="GL48" s="58"/>
      <c r="GM48" s="58"/>
      <c r="GN48" s="58"/>
      <c r="GO48" s="58"/>
      <c r="GP48" s="58"/>
      <c r="GQ48" s="58"/>
      <c r="GR48" s="58"/>
      <c r="GS48" s="58"/>
      <c r="GT48" s="58"/>
      <c r="GU48" s="58"/>
      <c r="GV48" s="58"/>
      <c r="GW48" s="58"/>
      <c r="GX48" s="58"/>
      <c r="GY48" s="58"/>
      <c r="GZ48" s="58"/>
      <c r="HA48" s="58"/>
      <c r="HB48" s="58"/>
      <c r="HC48" s="58"/>
      <c r="HD48" s="58"/>
      <c r="HE48" s="58"/>
      <c r="HF48" s="58"/>
      <c r="HG48" s="58"/>
      <c r="HH48" s="58"/>
      <c r="HI48" s="58"/>
      <c r="HJ48" s="58"/>
      <c r="HK48" s="58"/>
      <c r="HL48" s="58"/>
      <c r="HM48" s="58"/>
      <c r="HN48" s="58"/>
      <c r="HO48" s="58"/>
      <c r="HP48" s="58"/>
      <c r="HQ48" s="58"/>
      <c r="HR48" s="58"/>
      <c r="HS48" s="58"/>
      <c r="HT48" s="58"/>
      <c r="HU48" s="58"/>
      <c r="HV48" s="58"/>
      <c r="HW48" s="58"/>
      <c r="HX48" s="58"/>
      <c r="HY48" s="58"/>
      <c r="HZ48" s="58"/>
      <c r="IA48" s="58"/>
      <c r="IB48" s="58"/>
      <c r="IC48" s="58"/>
      <c r="ID48" s="58"/>
      <c r="IE48" s="58"/>
      <c r="IF48" s="58"/>
      <c r="IG48" s="58"/>
      <c r="IH48" s="58"/>
      <c r="II48" s="58"/>
      <c r="IJ48" s="58"/>
      <c r="IK48" s="58"/>
      <c r="IL48" s="58"/>
      <c r="IM48" s="58"/>
      <c r="IN48" s="58"/>
      <c r="IO48" s="58"/>
      <c r="IP48" s="58"/>
      <c r="IQ48" s="58"/>
    </row>
    <row r="49" spans="1:251" ht="12.75">
      <c r="A49" s="58"/>
      <c r="B49" s="82">
        <v>27</v>
      </c>
      <c r="C49" s="83" t="s">
        <v>230</v>
      </c>
      <c r="D49" s="84"/>
      <c r="E49" s="84"/>
      <c r="F49" s="58"/>
      <c r="G49" s="58"/>
      <c r="H49" s="58"/>
      <c r="I49" s="58"/>
      <c r="J49" s="58"/>
      <c r="K49" s="58"/>
      <c r="L49" s="58"/>
      <c r="M49" s="58"/>
      <c r="N49" s="58"/>
      <c r="O49" s="58"/>
      <c r="P49" s="58"/>
      <c r="Q49" s="58"/>
      <c r="R49" s="58"/>
      <c r="S49" s="58"/>
      <c r="T49" s="58"/>
      <c r="U49" s="58"/>
      <c r="V49" s="58"/>
      <c r="W49" s="58"/>
      <c r="X49" s="58"/>
      <c r="Y49" s="58"/>
      <c r="Z49" s="58"/>
      <c r="AA49" s="58"/>
      <c r="AB49" s="58"/>
      <c r="AC49" s="58"/>
      <c r="AD49" s="58"/>
      <c r="AE49" s="58"/>
      <c r="AF49" s="58"/>
      <c r="AG49" s="58"/>
      <c r="AH49" s="58"/>
      <c r="AI49" s="58"/>
      <c r="AJ49" s="58"/>
      <c r="AK49" s="58"/>
      <c r="AL49" s="58"/>
      <c r="AM49" s="58"/>
      <c r="AN49" s="58"/>
      <c r="AO49" s="58"/>
      <c r="AP49" s="58"/>
      <c r="AQ49" s="58"/>
      <c r="AR49" s="58"/>
      <c r="AS49" s="58"/>
      <c r="AT49" s="58"/>
      <c r="AU49" s="58"/>
      <c r="AV49" s="58"/>
      <c r="AW49" s="58"/>
      <c r="AX49" s="58"/>
      <c r="AY49" s="58"/>
      <c r="AZ49" s="58"/>
      <c r="BA49" s="58"/>
      <c r="BB49" s="58"/>
      <c r="BC49" s="58"/>
      <c r="BD49" s="58"/>
      <c r="BE49" s="58"/>
      <c r="BF49" s="58"/>
      <c r="BG49" s="58"/>
      <c r="BH49" s="58"/>
      <c r="BI49" s="58"/>
      <c r="BJ49" s="58"/>
      <c r="BK49" s="58"/>
      <c r="BL49" s="58"/>
      <c r="BM49" s="58"/>
      <c r="BN49" s="58"/>
      <c r="BO49" s="58"/>
      <c r="BP49" s="58"/>
      <c r="BQ49" s="58"/>
      <c r="BR49" s="58"/>
      <c r="BS49" s="58"/>
      <c r="BT49" s="58"/>
      <c r="BU49" s="58"/>
      <c r="BV49" s="58"/>
      <c r="BW49" s="58"/>
      <c r="BX49" s="58"/>
      <c r="BY49" s="58"/>
      <c r="BZ49" s="58"/>
      <c r="CA49" s="58"/>
      <c r="CB49" s="58"/>
      <c r="CC49" s="58"/>
      <c r="CD49" s="58"/>
      <c r="CE49" s="58"/>
      <c r="CF49" s="58"/>
      <c r="CG49" s="58"/>
      <c r="CH49" s="58"/>
      <c r="CI49" s="58"/>
      <c r="CJ49" s="58"/>
      <c r="CK49" s="58"/>
      <c r="CL49" s="58"/>
      <c r="CM49" s="58"/>
      <c r="CN49" s="58"/>
      <c r="CO49" s="58"/>
      <c r="CP49" s="58"/>
      <c r="CQ49" s="58"/>
      <c r="CR49" s="58"/>
      <c r="CS49" s="58"/>
      <c r="CT49" s="58"/>
      <c r="CU49" s="58"/>
      <c r="CV49" s="58"/>
      <c r="CW49" s="58"/>
      <c r="CX49" s="58"/>
      <c r="CY49" s="58"/>
      <c r="CZ49" s="58"/>
      <c r="DA49" s="58"/>
      <c r="DB49" s="58"/>
      <c r="DC49" s="58"/>
      <c r="DD49" s="58"/>
      <c r="DE49" s="58"/>
      <c r="DF49" s="58"/>
      <c r="DG49" s="58"/>
      <c r="DH49" s="58"/>
      <c r="DI49" s="58"/>
      <c r="DJ49" s="58"/>
      <c r="DK49" s="58"/>
      <c r="DL49" s="58"/>
      <c r="DM49" s="58"/>
      <c r="DN49" s="58"/>
      <c r="DO49" s="58"/>
      <c r="DP49" s="58"/>
      <c r="DQ49" s="58"/>
      <c r="DR49" s="58"/>
      <c r="DS49" s="58"/>
      <c r="DT49" s="58"/>
      <c r="DU49" s="58"/>
      <c r="DV49" s="58"/>
      <c r="DW49" s="58"/>
      <c r="DX49" s="58"/>
      <c r="DY49" s="58"/>
      <c r="DZ49" s="58"/>
      <c r="EA49" s="58"/>
      <c r="EB49" s="58"/>
      <c r="EC49" s="58"/>
      <c r="ED49" s="58"/>
      <c r="EE49" s="58"/>
      <c r="EF49" s="58"/>
      <c r="EG49" s="58"/>
      <c r="EH49" s="58"/>
      <c r="EI49" s="58"/>
      <c r="EJ49" s="58"/>
      <c r="EK49" s="58"/>
      <c r="EL49" s="58"/>
      <c r="EM49" s="58"/>
      <c r="EN49" s="58"/>
      <c r="EO49" s="58"/>
      <c r="EP49" s="58"/>
      <c r="EQ49" s="58"/>
      <c r="ER49" s="58"/>
      <c r="ES49" s="58"/>
      <c r="ET49" s="58"/>
      <c r="EU49" s="58"/>
      <c r="EV49" s="58"/>
      <c r="EW49" s="58"/>
      <c r="EX49" s="58"/>
      <c r="EY49" s="58"/>
      <c r="EZ49" s="58"/>
      <c r="FA49" s="58"/>
      <c r="FB49" s="58"/>
      <c r="FC49" s="58"/>
      <c r="FD49" s="58"/>
      <c r="FE49" s="58"/>
      <c r="FF49" s="58"/>
      <c r="FG49" s="58"/>
      <c r="FH49" s="58"/>
      <c r="FI49" s="58"/>
      <c r="FJ49" s="58"/>
      <c r="FK49" s="58"/>
      <c r="FL49" s="58"/>
      <c r="FM49" s="58"/>
      <c r="FN49" s="58"/>
      <c r="FO49" s="58"/>
      <c r="FP49" s="58"/>
      <c r="FQ49" s="58"/>
      <c r="FR49" s="58"/>
      <c r="FS49" s="58"/>
      <c r="FT49" s="58"/>
      <c r="FU49" s="58"/>
      <c r="FV49" s="58"/>
      <c r="FW49" s="58"/>
      <c r="FX49" s="58"/>
      <c r="FY49" s="58"/>
      <c r="FZ49" s="58"/>
      <c r="GA49" s="58"/>
      <c r="GB49" s="58"/>
      <c r="GC49" s="58"/>
      <c r="GD49" s="58"/>
      <c r="GE49" s="58"/>
      <c r="GF49" s="58"/>
      <c r="GG49" s="58"/>
      <c r="GH49" s="58"/>
      <c r="GI49" s="58"/>
      <c r="GJ49" s="58"/>
      <c r="GK49" s="58"/>
      <c r="GL49" s="58"/>
      <c r="GM49" s="58"/>
      <c r="GN49" s="58"/>
      <c r="GO49" s="58"/>
      <c r="GP49" s="58"/>
      <c r="GQ49" s="58"/>
      <c r="GR49" s="58"/>
      <c r="GS49" s="58"/>
      <c r="GT49" s="58"/>
      <c r="GU49" s="58"/>
      <c r="GV49" s="58"/>
      <c r="GW49" s="58"/>
      <c r="GX49" s="58"/>
      <c r="GY49" s="58"/>
      <c r="GZ49" s="58"/>
      <c r="HA49" s="58"/>
      <c r="HB49" s="58"/>
      <c r="HC49" s="58"/>
      <c r="HD49" s="58"/>
      <c r="HE49" s="58"/>
      <c r="HF49" s="58"/>
      <c r="HG49" s="58"/>
      <c r="HH49" s="58"/>
      <c r="HI49" s="58"/>
      <c r="HJ49" s="58"/>
      <c r="HK49" s="58"/>
      <c r="HL49" s="58"/>
      <c r="HM49" s="58"/>
      <c r="HN49" s="58"/>
      <c r="HO49" s="58"/>
      <c r="HP49" s="58"/>
      <c r="HQ49" s="58"/>
      <c r="HR49" s="58"/>
      <c r="HS49" s="58"/>
      <c r="HT49" s="58"/>
      <c r="HU49" s="58"/>
      <c r="HV49" s="58"/>
      <c r="HW49" s="58"/>
      <c r="HX49" s="58"/>
      <c r="HY49" s="58"/>
      <c r="HZ49" s="58"/>
      <c r="IA49" s="58"/>
      <c r="IB49" s="58"/>
      <c r="IC49" s="58"/>
      <c r="ID49" s="58"/>
      <c r="IE49" s="58"/>
      <c r="IF49" s="58"/>
      <c r="IG49" s="58"/>
      <c r="IH49" s="58"/>
      <c r="II49" s="58"/>
      <c r="IJ49" s="58"/>
      <c r="IK49" s="58"/>
      <c r="IL49" s="58"/>
      <c r="IM49" s="58"/>
      <c r="IN49" s="58"/>
      <c r="IO49" s="58"/>
      <c r="IP49" s="58"/>
      <c r="IQ49" s="58"/>
    </row>
    <row r="50" spans="1:251" ht="12.75">
      <c r="A50" s="58"/>
      <c r="B50" s="86">
        <v>28</v>
      </c>
      <c r="C50" s="87" t="s">
        <v>231</v>
      </c>
      <c r="D50" s="87">
        <v>-12829.999999999998</v>
      </c>
      <c r="E50" s="87">
        <v>-12254</v>
      </c>
      <c r="F50" s="58"/>
      <c r="G50" s="58"/>
      <c r="H50" s="58"/>
      <c r="I50" s="58"/>
      <c r="J50" s="58"/>
      <c r="K50" s="58"/>
      <c r="L50" s="58"/>
      <c r="M50" s="58"/>
      <c r="N50" s="58"/>
      <c r="O50" s="58"/>
      <c r="P50" s="58"/>
      <c r="Q50" s="58"/>
      <c r="R50" s="58"/>
      <c r="S50" s="58"/>
      <c r="T50" s="58"/>
      <c r="U50" s="58"/>
      <c r="V50" s="58"/>
      <c r="W50" s="58"/>
      <c r="X50" s="58"/>
      <c r="Y50" s="58"/>
      <c r="Z50" s="58"/>
      <c r="AA50" s="58"/>
      <c r="AB50" s="58"/>
      <c r="AC50" s="58"/>
      <c r="AD50" s="58"/>
      <c r="AE50" s="58"/>
      <c r="AF50" s="58"/>
      <c r="AG50" s="58"/>
      <c r="AH50" s="58"/>
      <c r="AI50" s="58"/>
      <c r="AJ50" s="58"/>
      <c r="AK50" s="58"/>
      <c r="AL50" s="58"/>
      <c r="AM50" s="58"/>
      <c r="AN50" s="58"/>
      <c r="AO50" s="58"/>
      <c r="AP50" s="58"/>
      <c r="AQ50" s="58"/>
      <c r="AR50" s="58"/>
      <c r="AS50" s="58"/>
      <c r="AT50" s="58"/>
      <c r="AU50" s="58"/>
      <c r="AV50" s="58"/>
      <c r="AW50" s="58"/>
      <c r="AX50" s="58"/>
      <c r="AY50" s="58"/>
      <c r="AZ50" s="58"/>
      <c r="BA50" s="58"/>
      <c r="BB50" s="58"/>
      <c r="BC50" s="58"/>
      <c r="BD50" s="58"/>
      <c r="BE50" s="58"/>
      <c r="BF50" s="58"/>
      <c r="BG50" s="58"/>
      <c r="BH50" s="58"/>
      <c r="BI50" s="58"/>
      <c r="BJ50" s="58"/>
      <c r="BK50" s="58"/>
      <c r="BL50" s="58"/>
      <c r="BM50" s="58"/>
      <c r="BN50" s="58"/>
      <c r="BO50" s="58"/>
      <c r="BP50" s="58"/>
      <c r="BQ50" s="58"/>
      <c r="BR50" s="58"/>
      <c r="BS50" s="58"/>
      <c r="BT50" s="58"/>
      <c r="BU50" s="58"/>
      <c r="BV50" s="58"/>
      <c r="BW50" s="58"/>
      <c r="BX50" s="58"/>
      <c r="BY50" s="58"/>
      <c r="BZ50" s="58"/>
      <c r="CA50" s="58"/>
      <c r="CB50" s="58"/>
      <c r="CC50" s="58"/>
      <c r="CD50" s="58"/>
      <c r="CE50" s="58"/>
      <c r="CF50" s="58"/>
      <c r="CG50" s="58"/>
      <c r="CH50" s="58"/>
      <c r="CI50" s="58"/>
      <c r="CJ50" s="58"/>
      <c r="CK50" s="58"/>
      <c r="CL50" s="58"/>
      <c r="CM50" s="58"/>
      <c r="CN50" s="58"/>
      <c r="CO50" s="58"/>
      <c r="CP50" s="58"/>
      <c r="CQ50" s="58"/>
      <c r="CR50" s="58"/>
      <c r="CS50" s="58"/>
      <c r="CT50" s="58"/>
      <c r="CU50" s="58"/>
      <c r="CV50" s="58"/>
      <c r="CW50" s="58"/>
      <c r="CX50" s="58"/>
      <c r="CY50" s="58"/>
      <c r="CZ50" s="58"/>
      <c r="DA50" s="58"/>
      <c r="DB50" s="58"/>
      <c r="DC50" s="58"/>
      <c r="DD50" s="58"/>
      <c r="DE50" s="58"/>
      <c r="DF50" s="58"/>
      <c r="DG50" s="58"/>
      <c r="DH50" s="58"/>
      <c r="DI50" s="58"/>
      <c r="DJ50" s="58"/>
      <c r="DK50" s="58"/>
      <c r="DL50" s="58"/>
      <c r="DM50" s="58"/>
      <c r="DN50" s="58"/>
      <c r="DO50" s="58"/>
      <c r="DP50" s="58"/>
      <c r="DQ50" s="58"/>
      <c r="DR50" s="58"/>
      <c r="DS50" s="58"/>
      <c r="DT50" s="58"/>
      <c r="DU50" s="58"/>
      <c r="DV50" s="58"/>
      <c r="DW50" s="58"/>
      <c r="DX50" s="58"/>
      <c r="DY50" s="58"/>
      <c r="DZ50" s="58"/>
      <c r="EA50" s="58"/>
      <c r="EB50" s="58"/>
      <c r="EC50" s="58"/>
      <c r="ED50" s="58"/>
      <c r="EE50" s="58"/>
      <c r="EF50" s="58"/>
      <c r="EG50" s="58"/>
      <c r="EH50" s="58"/>
      <c r="EI50" s="58"/>
      <c r="EJ50" s="58"/>
      <c r="EK50" s="58"/>
      <c r="EL50" s="58"/>
      <c r="EM50" s="58"/>
      <c r="EN50" s="58"/>
      <c r="EO50" s="58"/>
      <c r="EP50" s="58"/>
      <c r="EQ50" s="58"/>
      <c r="ER50" s="58"/>
      <c r="ES50" s="58"/>
      <c r="ET50" s="58"/>
      <c r="EU50" s="58"/>
      <c r="EV50" s="58"/>
      <c r="EW50" s="58"/>
      <c r="EX50" s="58"/>
      <c r="EY50" s="58"/>
      <c r="EZ50" s="58"/>
      <c r="FA50" s="58"/>
      <c r="FB50" s="58"/>
      <c r="FC50" s="58"/>
      <c r="FD50" s="58"/>
      <c r="FE50" s="58"/>
      <c r="FF50" s="58"/>
      <c r="FG50" s="58"/>
      <c r="FH50" s="58"/>
      <c r="FI50" s="58"/>
      <c r="FJ50" s="58"/>
      <c r="FK50" s="58"/>
      <c r="FL50" s="58"/>
      <c r="FM50" s="58"/>
      <c r="FN50" s="58"/>
      <c r="FO50" s="58"/>
      <c r="FP50" s="58"/>
      <c r="FQ50" s="58"/>
      <c r="FR50" s="58"/>
      <c r="FS50" s="58"/>
      <c r="FT50" s="58"/>
      <c r="FU50" s="58"/>
      <c r="FV50" s="58"/>
      <c r="FW50" s="58"/>
      <c r="FX50" s="58"/>
      <c r="FY50" s="58"/>
      <c r="FZ50" s="58"/>
      <c r="GA50" s="58"/>
      <c r="GB50" s="58"/>
      <c r="GC50" s="58"/>
      <c r="GD50" s="58"/>
      <c r="GE50" s="58"/>
      <c r="GF50" s="58"/>
      <c r="GG50" s="58"/>
      <c r="GH50" s="58"/>
      <c r="GI50" s="58"/>
      <c r="GJ50" s="58"/>
      <c r="GK50" s="58"/>
      <c r="GL50" s="58"/>
      <c r="GM50" s="58"/>
      <c r="GN50" s="58"/>
      <c r="GO50" s="58"/>
      <c r="GP50" s="58"/>
      <c r="GQ50" s="58"/>
      <c r="GR50" s="58"/>
      <c r="GS50" s="58"/>
      <c r="GT50" s="58"/>
      <c r="GU50" s="58"/>
      <c r="GV50" s="58"/>
      <c r="GW50" s="58"/>
      <c r="GX50" s="58"/>
      <c r="GY50" s="58"/>
      <c r="GZ50" s="58"/>
      <c r="HA50" s="58"/>
      <c r="HB50" s="58"/>
      <c r="HC50" s="58"/>
      <c r="HD50" s="58"/>
      <c r="HE50" s="58"/>
      <c r="HF50" s="58"/>
      <c r="HG50" s="58"/>
      <c r="HH50" s="58"/>
      <c r="HI50" s="58"/>
      <c r="HJ50" s="58"/>
      <c r="HK50" s="58"/>
      <c r="HL50" s="58"/>
      <c r="HM50" s="58"/>
      <c r="HN50" s="58"/>
      <c r="HO50" s="58"/>
      <c r="HP50" s="58"/>
      <c r="HQ50" s="58"/>
      <c r="HR50" s="58"/>
      <c r="HS50" s="58"/>
      <c r="HT50" s="58"/>
      <c r="HU50" s="58"/>
      <c r="HV50" s="58"/>
      <c r="HW50" s="58"/>
      <c r="HX50" s="58"/>
      <c r="HY50" s="58"/>
      <c r="HZ50" s="58"/>
      <c r="IA50" s="58"/>
      <c r="IB50" s="58"/>
      <c r="IC50" s="58"/>
      <c r="ID50" s="58"/>
      <c r="IE50" s="58"/>
      <c r="IF50" s="58"/>
      <c r="IG50" s="58"/>
      <c r="IH50" s="58"/>
      <c r="II50" s="58"/>
      <c r="IJ50" s="58"/>
      <c r="IK50" s="58"/>
      <c r="IL50" s="58"/>
      <c r="IM50" s="58"/>
      <c r="IN50" s="58"/>
      <c r="IO50" s="58"/>
      <c r="IP50" s="58"/>
      <c r="IQ50" s="58"/>
    </row>
    <row r="51" spans="1:251" ht="12.75">
      <c r="A51" s="58"/>
      <c r="B51" s="75">
        <v>29</v>
      </c>
      <c r="C51" s="81" t="s">
        <v>232</v>
      </c>
      <c r="D51" s="81">
        <v>116813.3</v>
      </c>
      <c r="E51" s="81">
        <v>114419</v>
      </c>
      <c r="F51" s="58"/>
      <c r="G51" s="58"/>
      <c r="H51" s="58"/>
      <c r="I51" s="58"/>
      <c r="J51" s="58"/>
      <c r="K51" s="58"/>
      <c r="L51" s="58"/>
      <c r="M51" s="58"/>
      <c r="N51" s="58"/>
      <c r="O51" s="58"/>
      <c r="P51" s="58"/>
      <c r="Q51" s="58"/>
      <c r="R51" s="58"/>
      <c r="S51" s="58"/>
      <c r="T51" s="58"/>
      <c r="U51" s="58"/>
      <c r="V51" s="58"/>
      <c r="W51" s="58"/>
      <c r="X51" s="58"/>
      <c r="Y51" s="58"/>
      <c r="Z51" s="58"/>
      <c r="AA51" s="58"/>
      <c r="AB51" s="58"/>
      <c r="AC51" s="58"/>
      <c r="AD51" s="58"/>
      <c r="AE51" s="58"/>
      <c r="AF51" s="58"/>
      <c r="AG51" s="58"/>
      <c r="AH51" s="58"/>
      <c r="AI51" s="58"/>
      <c r="AJ51" s="58"/>
      <c r="AK51" s="58"/>
      <c r="AL51" s="58"/>
      <c r="AM51" s="58"/>
      <c r="AN51" s="58"/>
      <c r="AO51" s="58"/>
      <c r="AP51" s="58"/>
      <c r="AQ51" s="58"/>
      <c r="AR51" s="58"/>
      <c r="AS51" s="58"/>
      <c r="AT51" s="58"/>
      <c r="AU51" s="58"/>
      <c r="AV51" s="58"/>
      <c r="AW51" s="58"/>
      <c r="AX51" s="58"/>
      <c r="AY51" s="58"/>
      <c r="AZ51" s="58"/>
      <c r="BA51" s="58"/>
      <c r="BB51" s="58"/>
      <c r="BC51" s="58"/>
      <c r="BD51" s="58"/>
      <c r="BE51" s="58"/>
      <c r="BF51" s="58"/>
      <c r="BG51" s="58"/>
      <c r="BH51" s="58"/>
      <c r="BI51" s="58"/>
      <c r="BJ51" s="58"/>
      <c r="BK51" s="58"/>
      <c r="BL51" s="58"/>
      <c r="BM51" s="58"/>
      <c r="BN51" s="58"/>
      <c r="BO51" s="58"/>
      <c r="BP51" s="58"/>
      <c r="BQ51" s="58"/>
      <c r="BR51" s="58"/>
      <c r="BS51" s="58"/>
      <c r="BT51" s="58"/>
      <c r="BU51" s="58"/>
      <c r="BV51" s="58"/>
      <c r="BW51" s="58"/>
      <c r="BX51" s="58"/>
      <c r="BY51" s="58"/>
      <c r="BZ51" s="58"/>
      <c r="CA51" s="58"/>
      <c r="CB51" s="58"/>
      <c r="CC51" s="58"/>
      <c r="CD51" s="58"/>
      <c r="CE51" s="58"/>
      <c r="CF51" s="58"/>
      <c r="CG51" s="58"/>
      <c r="CH51" s="58"/>
      <c r="CI51" s="58"/>
      <c r="CJ51" s="58"/>
      <c r="CK51" s="58"/>
      <c r="CL51" s="58"/>
      <c r="CM51" s="58"/>
      <c r="CN51" s="58"/>
      <c r="CO51" s="58"/>
      <c r="CP51" s="58"/>
      <c r="CQ51" s="58"/>
      <c r="CR51" s="58"/>
      <c r="CS51" s="58"/>
      <c r="CT51" s="58"/>
      <c r="CU51" s="58"/>
      <c r="CV51" s="58"/>
      <c r="CW51" s="58"/>
      <c r="CX51" s="58"/>
      <c r="CY51" s="58"/>
      <c r="CZ51" s="58"/>
      <c r="DA51" s="58"/>
      <c r="DB51" s="58"/>
      <c r="DC51" s="58"/>
      <c r="DD51" s="58"/>
      <c r="DE51" s="58"/>
      <c r="DF51" s="58"/>
      <c r="DG51" s="58"/>
      <c r="DH51" s="58"/>
      <c r="DI51" s="58"/>
      <c r="DJ51" s="58"/>
      <c r="DK51" s="58"/>
      <c r="DL51" s="58"/>
      <c r="DM51" s="58"/>
      <c r="DN51" s="58"/>
      <c r="DO51" s="58"/>
      <c r="DP51" s="58"/>
      <c r="DQ51" s="58"/>
      <c r="DR51" s="58"/>
      <c r="DS51" s="58"/>
      <c r="DT51" s="58"/>
      <c r="DU51" s="58"/>
      <c r="DV51" s="58"/>
      <c r="DW51" s="58"/>
      <c r="DX51" s="58"/>
      <c r="DY51" s="58"/>
      <c r="DZ51" s="58"/>
      <c r="EA51" s="58"/>
      <c r="EB51" s="58"/>
      <c r="EC51" s="58"/>
      <c r="ED51" s="58"/>
      <c r="EE51" s="58"/>
      <c r="EF51" s="58"/>
      <c r="EG51" s="58"/>
      <c r="EH51" s="58"/>
      <c r="EI51" s="58"/>
      <c r="EJ51" s="58"/>
      <c r="EK51" s="58"/>
      <c r="EL51" s="58"/>
      <c r="EM51" s="58"/>
      <c r="EN51" s="58"/>
      <c r="EO51" s="58"/>
      <c r="EP51" s="58"/>
      <c r="EQ51" s="58"/>
      <c r="ER51" s="58"/>
      <c r="ES51" s="58"/>
      <c r="ET51" s="58"/>
      <c r="EU51" s="58"/>
      <c r="EV51" s="58"/>
      <c r="EW51" s="58"/>
      <c r="EX51" s="58"/>
      <c r="EY51" s="58"/>
      <c r="EZ51" s="58"/>
      <c r="FA51" s="58"/>
      <c r="FB51" s="58"/>
      <c r="FC51" s="58"/>
      <c r="FD51" s="58"/>
      <c r="FE51" s="58"/>
      <c r="FF51" s="58"/>
      <c r="FG51" s="58"/>
      <c r="FH51" s="58"/>
      <c r="FI51" s="58"/>
      <c r="FJ51" s="58"/>
      <c r="FK51" s="58"/>
      <c r="FL51" s="58"/>
      <c r="FM51" s="58"/>
      <c r="FN51" s="58"/>
      <c r="FO51" s="58"/>
      <c r="FP51" s="58"/>
      <c r="FQ51" s="58"/>
      <c r="FR51" s="58"/>
      <c r="FS51" s="58"/>
      <c r="FT51" s="58"/>
      <c r="FU51" s="58"/>
      <c r="FV51" s="58"/>
      <c r="FW51" s="58"/>
      <c r="FX51" s="58"/>
      <c r="FY51" s="58"/>
      <c r="FZ51" s="58"/>
      <c r="GA51" s="58"/>
      <c r="GB51" s="58"/>
      <c r="GC51" s="58"/>
      <c r="GD51" s="58"/>
      <c r="GE51" s="58"/>
      <c r="GF51" s="58"/>
      <c r="GG51" s="58"/>
      <c r="GH51" s="58"/>
      <c r="GI51" s="58"/>
      <c r="GJ51" s="58"/>
      <c r="GK51" s="58"/>
      <c r="GL51" s="58"/>
      <c r="GM51" s="58"/>
      <c r="GN51" s="58"/>
      <c r="GO51" s="58"/>
      <c r="GP51" s="58"/>
      <c r="GQ51" s="58"/>
      <c r="GR51" s="58"/>
      <c r="GS51" s="58"/>
      <c r="GT51" s="58"/>
      <c r="GU51" s="58"/>
      <c r="GV51" s="58"/>
      <c r="GW51" s="58"/>
      <c r="GX51" s="58"/>
      <c r="GY51" s="58"/>
      <c r="GZ51" s="58"/>
      <c r="HA51" s="58"/>
      <c r="HB51" s="58"/>
      <c r="HC51" s="58"/>
      <c r="HD51" s="58"/>
      <c r="HE51" s="58"/>
      <c r="HF51" s="58"/>
      <c r="HG51" s="58"/>
      <c r="HH51" s="58"/>
      <c r="HI51" s="58"/>
      <c r="HJ51" s="58"/>
      <c r="HK51" s="58"/>
      <c r="HL51" s="58"/>
      <c r="HM51" s="58"/>
      <c r="HN51" s="58"/>
      <c r="HO51" s="58"/>
      <c r="HP51" s="58"/>
      <c r="HQ51" s="58"/>
      <c r="HR51" s="58"/>
      <c r="HS51" s="58"/>
      <c r="HT51" s="58"/>
      <c r="HU51" s="58"/>
      <c r="HV51" s="58"/>
      <c r="HW51" s="58"/>
      <c r="HX51" s="58"/>
      <c r="HY51" s="58"/>
      <c r="HZ51" s="58"/>
      <c r="IA51" s="58"/>
      <c r="IB51" s="58"/>
      <c r="IC51" s="58"/>
      <c r="ID51" s="58"/>
      <c r="IE51" s="58"/>
      <c r="IF51" s="58"/>
      <c r="IG51" s="58"/>
      <c r="IH51" s="58"/>
      <c r="II51" s="58"/>
      <c r="IJ51" s="58"/>
      <c r="IK51" s="58"/>
      <c r="IL51" s="58"/>
      <c r="IM51" s="58"/>
      <c r="IN51" s="58"/>
      <c r="IO51" s="58"/>
      <c r="IP51" s="58"/>
      <c r="IQ51" s="58"/>
    </row>
    <row r="52" spans="1:251" ht="12.75">
      <c r="A52" s="58"/>
      <c r="B52" s="72" t="s">
        <v>233</v>
      </c>
      <c r="C52" s="73"/>
      <c r="D52" s="73"/>
      <c r="E52" s="73"/>
      <c r="F52" s="58"/>
      <c r="G52" s="58"/>
      <c r="H52" s="58"/>
      <c r="I52" s="58"/>
      <c r="J52" s="58"/>
      <c r="K52" s="58"/>
      <c r="L52" s="58"/>
      <c r="M52" s="58"/>
      <c r="N52" s="58"/>
      <c r="O52" s="58"/>
      <c r="P52" s="58"/>
      <c r="Q52" s="58"/>
      <c r="R52" s="58"/>
      <c r="S52" s="58"/>
      <c r="T52" s="58"/>
      <c r="U52" s="58"/>
      <c r="V52" s="58"/>
      <c r="W52" s="58"/>
      <c r="X52" s="58"/>
      <c r="Y52" s="58"/>
      <c r="Z52" s="58"/>
      <c r="AA52" s="58"/>
      <c r="AB52" s="58"/>
      <c r="AC52" s="58"/>
      <c r="AD52" s="58"/>
      <c r="AE52" s="58"/>
      <c r="AF52" s="58"/>
      <c r="AG52" s="58"/>
      <c r="AH52" s="58"/>
      <c r="AI52" s="58"/>
      <c r="AJ52" s="58"/>
      <c r="AK52" s="58"/>
      <c r="AL52" s="58"/>
      <c r="AM52" s="58"/>
      <c r="AN52" s="58"/>
      <c r="AO52" s="58"/>
      <c r="AP52" s="58"/>
      <c r="AQ52" s="58"/>
      <c r="AR52" s="58"/>
      <c r="AS52" s="58"/>
      <c r="AT52" s="58"/>
      <c r="AU52" s="58"/>
      <c r="AV52" s="58"/>
      <c r="AW52" s="58"/>
      <c r="AX52" s="58"/>
      <c r="AY52" s="58"/>
      <c r="AZ52" s="58"/>
      <c r="BA52" s="58"/>
      <c r="BB52" s="58"/>
      <c r="BC52" s="58"/>
      <c r="BD52" s="58"/>
      <c r="BE52" s="58"/>
      <c r="BF52" s="58"/>
      <c r="BG52" s="58"/>
      <c r="BH52" s="58"/>
      <c r="BI52" s="58"/>
      <c r="BJ52" s="58"/>
      <c r="BK52" s="58"/>
      <c r="BL52" s="58"/>
      <c r="BM52" s="58"/>
      <c r="BN52" s="58"/>
      <c r="BO52" s="58"/>
      <c r="BP52" s="58"/>
      <c r="BQ52" s="58"/>
      <c r="BR52" s="58"/>
      <c r="BS52" s="58"/>
      <c r="BT52" s="58"/>
      <c r="BU52" s="58"/>
      <c r="BV52" s="58"/>
      <c r="BW52" s="58"/>
      <c r="BX52" s="58"/>
      <c r="BY52" s="58"/>
      <c r="BZ52" s="58"/>
      <c r="CA52" s="58"/>
      <c r="CB52" s="58"/>
      <c r="CC52" s="58"/>
      <c r="CD52" s="58"/>
      <c r="CE52" s="58"/>
      <c r="CF52" s="58"/>
      <c r="CG52" s="58"/>
      <c r="CH52" s="58"/>
      <c r="CI52" s="58"/>
      <c r="CJ52" s="58"/>
      <c r="CK52" s="58"/>
      <c r="CL52" s="58"/>
      <c r="CM52" s="58"/>
      <c r="CN52" s="58"/>
      <c r="CO52" s="58"/>
      <c r="CP52" s="58"/>
      <c r="CQ52" s="58"/>
      <c r="CR52" s="58"/>
      <c r="CS52" s="58"/>
      <c r="CT52" s="58"/>
      <c r="CU52" s="58"/>
      <c r="CV52" s="58"/>
      <c r="CW52" s="58"/>
      <c r="CX52" s="58"/>
      <c r="CY52" s="58"/>
      <c r="CZ52" s="58"/>
      <c r="DA52" s="58"/>
      <c r="DB52" s="58"/>
      <c r="DC52" s="58"/>
      <c r="DD52" s="58"/>
      <c r="DE52" s="58"/>
      <c r="DF52" s="58"/>
      <c r="DG52" s="58"/>
      <c r="DH52" s="58"/>
      <c r="DI52" s="58"/>
      <c r="DJ52" s="58"/>
      <c r="DK52" s="58"/>
      <c r="DL52" s="58"/>
      <c r="DM52" s="58"/>
      <c r="DN52" s="58"/>
      <c r="DO52" s="58"/>
      <c r="DP52" s="58"/>
      <c r="DQ52" s="58"/>
      <c r="DR52" s="58"/>
      <c r="DS52" s="58"/>
      <c r="DT52" s="58"/>
      <c r="DU52" s="58"/>
      <c r="DV52" s="58"/>
      <c r="DW52" s="58"/>
      <c r="DX52" s="58"/>
      <c r="DY52" s="58"/>
      <c r="DZ52" s="58"/>
      <c r="EA52" s="58"/>
      <c r="EB52" s="58"/>
      <c r="EC52" s="58"/>
      <c r="ED52" s="58"/>
      <c r="EE52" s="58"/>
      <c r="EF52" s="58"/>
      <c r="EG52" s="58"/>
      <c r="EH52" s="58"/>
      <c r="EI52" s="58"/>
      <c r="EJ52" s="58"/>
      <c r="EK52" s="58"/>
      <c r="EL52" s="58"/>
      <c r="EM52" s="58"/>
      <c r="EN52" s="58"/>
      <c r="EO52" s="58"/>
      <c r="EP52" s="58"/>
      <c r="EQ52" s="58"/>
      <c r="ER52" s="58"/>
      <c r="ES52" s="58"/>
      <c r="ET52" s="58"/>
      <c r="EU52" s="58"/>
      <c r="EV52" s="58"/>
      <c r="EW52" s="58"/>
      <c r="EX52" s="58"/>
      <c r="EY52" s="58"/>
      <c r="EZ52" s="58"/>
      <c r="FA52" s="58"/>
      <c r="FB52" s="58"/>
      <c r="FC52" s="58"/>
      <c r="FD52" s="58"/>
      <c r="FE52" s="58"/>
      <c r="FF52" s="58"/>
      <c r="FG52" s="58"/>
      <c r="FH52" s="58"/>
      <c r="FI52" s="58"/>
      <c r="FJ52" s="58"/>
      <c r="FK52" s="58"/>
      <c r="FL52" s="58"/>
      <c r="FM52" s="58"/>
      <c r="FN52" s="58"/>
      <c r="FO52" s="58"/>
      <c r="FP52" s="58"/>
      <c r="FQ52" s="58"/>
      <c r="FR52" s="58"/>
      <c r="FS52" s="58"/>
      <c r="FT52" s="58"/>
      <c r="FU52" s="58"/>
      <c r="FV52" s="58"/>
      <c r="FW52" s="58"/>
      <c r="FX52" s="58"/>
      <c r="FY52" s="58"/>
      <c r="FZ52" s="58"/>
      <c r="GA52" s="58"/>
      <c r="GB52" s="58"/>
      <c r="GC52" s="58"/>
      <c r="GD52" s="58"/>
      <c r="GE52" s="58"/>
      <c r="GF52" s="58"/>
      <c r="GG52" s="58"/>
      <c r="GH52" s="58"/>
      <c r="GI52" s="58"/>
      <c r="GJ52" s="58"/>
      <c r="GK52" s="58"/>
      <c r="GL52" s="58"/>
      <c r="GM52" s="58"/>
      <c r="GN52" s="58"/>
      <c r="GO52" s="58"/>
      <c r="GP52" s="58"/>
      <c r="GQ52" s="58"/>
      <c r="GR52" s="58"/>
      <c r="GS52" s="58"/>
      <c r="GT52" s="58"/>
      <c r="GU52" s="58"/>
      <c r="GV52" s="58"/>
      <c r="GW52" s="58"/>
      <c r="GX52" s="58"/>
      <c r="GY52" s="58"/>
      <c r="GZ52" s="58"/>
      <c r="HA52" s="58"/>
      <c r="HB52" s="58"/>
      <c r="HC52" s="58"/>
      <c r="HD52" s="58"/>
      <c r="HE52" s="58"/>
      <c r="HF52" s="58"/>
      <c r="HG52" s="58"/>
      <c r="HH52" s="58"/>
      <c r="HI52" s="58"/>
      <c r="HJ52" s="58"/>
      <c r="HK52" s="58"/>
      <c r="HL52" s="58"/>
      <c r="HM52" s="58"/>
      <c r="HN52" s="58"/>
      <c r="HO52" s="58"/>
      <c r="HP52" s="58"/>
      <c r="HQ52" s="58"/>
      <c r="HR52" s="58"/>
      <c r="HS52" s="58"/>
      <c r="HT52" s="58"/>
      <c r="HU52" s="58"/>
      <c r="HV52" s="58"/>
      <c r="HW52" s="58"/>
      <c r="HX52" s="58"/>
      <c r="HY52" s="58"/>
      <c r="HZ52" s="58"/>
      <c r="IA52" s="58"/>
      <c r="IB52" s="58"/>
      <c r="IC52" s="58"/>
      <c r="ID52" s="58"/>
      <c r="IE52" s="58"/>
      <c r="IF52" s="58"/>
      <c r="IG52" s="58"/>
      <c r="IH52" s="58"/>
      <c r="II52" s="58"/>
      <c r="IJ52" s="58"/>
      <c r="IK52" s="58"/>
      <c r="IL52" s="58"/>
      <c r="IM52" s="58"/>
      <c r="IN52" s="58"/>
      <c r="IO52" s="58"/>
      <c r="IP52" s="58"/>
      <c r="IQ52" s="58"/>
    </row>
    <row r="53" spans="1:251" ht="12.75">
      <c r="A53" s="58"/>
      <c r="B53" s="74">
        <v>30</v>
      </c>
      <c r="C53" s="73" t="s">
        <v>182</v>
      </c>
      <c r="D53" s="73">
        <v>14320.6</v>
      </c>
      <c r="E53" s="73">
        <v>9959</v>
      </c>
    </row>
    <row r="54" spans="1:251" ht="12.75">
      <c r="A54" s="58"/>
      <c r="B54" s="74">
        <v>31</v>
      </c>
      <c r="C54" s="73" t="s">
        <v>234</v>
      </c>
      <c r="D54" s="73"/>
      <c r="E54" s="73"/>
    </row>
    <row r="55" spans="1:251" ht="12.75">
      <c r="A55" s="58"/>
      <c r="B55" s="74">
        <v>32</v>
      </c>
      <c r="C55" s="73" t="s">
        <v>235</v>
      </c>
      <c r="D55" s="73">
        <v>14320.6</v>
      </c>
      <c r="E55" s="73">
        <v>9959</v>
      </c>
    </row>
    <row r="56" spans="1:251" ht="26.25" thickBot="1">
      <c r="A56" s="58"/>
      <c r="B56" s="74">
        <v>33</v>
      </c>
      <c r="C56" s="76" t="s">
        <v>236</v>
      </c>
      <c r="D56" s="73">
        <v>4811.3</v>
      </c>
      <c r="E56" s="73">
        <v>4779</v>
      </c>
    </row>
    <row r="57" spans="1:251" ht="13.5" thickBot="1">
      <c r="A57" s="58"/>
      <c r="B57" s="79"/>
      <c r="C57" s="80" t="s">
        <v>237</v>
      </c>
      <c r="D57" s="73"/>
      <c r="E57" s="73"/>
    </row>
    <row r="58" spans="1:251" ht="25.5">
      <c r="A58" s="58"/>
      <c r="B58" s="74">
        <v>34</v>
      </c>
      <c r="C58" s="76" t="s">
        <v>238</v>
      </c>
      <c r="D58" s="73"/>
      <c r="E58" s="73"/>
    </row>
    <row r="59" spans="1:251" ht="12.75">
      <c r="A59" s="58"/>
      <c r="B59" s="82">
        <v>35</v>
      </c>
      <c r="C59" s="84" t="s">
        <v>239</v>
      </c>
      <c r="D59" s="84"/>
      <c r="E59" s="84"/>
      <c r="F59" s="58"/>
      <c r="G59" s="58"/>
      <c r="H59" s="58"/>
      <c r="I59" s="58"/>
      <c r="J59" s="58"/>
      <c r="K59" s="58"/>
      <c r="L59" s="58"/>
      <c r="M59" s="58"/>
      <c r="N59" s="58"/>
      <c r="O59" s="58"/>
      <c r="P59" s="58"/>
      <c r="Q59" s="58"/>
      <c r="R59" s="58"/>
      <c r="S59" s="58"/>
      <c r="T59" s="58"/>
      <c r="U59" s="58"/>
      <c r="V59" s="58"/>
      <c r="W59" s="58"/>
      <c r="X59" s="58"/>
      <c r="Y59" s="58"/>
      <c r="Z59" s="58"/>
      <c r="AA59" s="58"/>
      <c r="AB59" s="58"/>
      <c r="AC59" s="58"/>
      <c r="AD59" s="58"/>
      <c r="AE59" s="58"/>
      <c r="AF59" s="58"/>
      <c r="AG59" s="58"/>
      <c r="AH59" s="58"/>
      <c r="AI59" s="58"/>
      <c r="AJ59" s="58"/>
      <c r="AK59" s="58"/>
      <c r="AL59" s="58"/>
      <c r="AM59" s="58"/>
      <c r="AN59" s="58"/>
      <c r="AO59" s="58"/>
      <c r="AP59" s="58"/>
      <c r="AQ59" s="58"/>
      <c r="AR59" s="58"/>
      <c r="AS59" s="58"/>
      <c r="AT59" s="58"/>
      <c r="AU59" s="58"/>
      <c r="AV59" s="58"/>
      <c r="AW59" s="58"/>
      <c r="AX59" s="58"/>
      <c r="AY59" s="58"/>
      <c r="AZ59" s="58"/>
      <c r="BA59" s="58"/>
      <c r="BB59" s="58"/>
      <c r="BC59" s="58"/>
      <c r="BD59" s="58"/>
      <c r="BE59" s="58"/>
      <c r="BF59" s="58"/>
      <c r="BG59" s="58"/>
      <c r="BH59" s="58"/>
      <c r="BI59" s="58"/>
      <c r="BJ59" s="58"/>
      <c r="BK59" s="58"/>
      <c r="BL59" s="58"/>
      <c r="BM59" s="58"/>
      <c r="BN59" s="58"/>
      <c r="BO59" s="58"/>
      <c r="BP59" s="58"/>
      <c r="BQ59" s="58"/>
      <c r="BR59" s="58"/>
      <c r="BS59" s="58"/>
      <c r="BT59" s="58"/>
      <c r="BU59" s="58"/>
      <c r="BV59" s="58"/>
      <c r="BW59" s="58"/>
      <c r="BX59" s="58"/>
      <c r="BY59" s="58"/>
      <c r="BZ59" s="58"/>
      <c r="CA59" s="58"/>
      <c r="CB59" s="58"/>
      <c r="CC59" s="58"/>
      <c r="CD59" s="58"/>
      <c r="CE59" s="58"/>
      <c r="CF59" s="58"/>
      <c r="CG59" s="58"/>
      <c r="CH59" s="58"/>
      <c r="CI59" s="58"/>
      <c r="CJ59" s="58"/>
      <c r="CK59" s="58"/>
      <c r="CL59" s="58"/>
      <c r="CM59" s="58"/>
      <c r="CN59" s="58"/>
      <c r="CO59" s="58"/>
      <c r="CP59" s="58"/>
      <c r="CQ59" s="58"/>
      <c r="CR59" s="58"/>
      <c r="CS59" s="58"/>
      <c r="CT59" s="58"/>
      <c r="CU59" s="58"/>
      <c r="CV59" s="58"/>
      <c r="CW59" s="58"/>
      <c r="CX59" s="58"/>
      <c r="CY59" s="58"/>
      <c r="CZ59" s="58"/>
      <c r="DA59" s="58"/>
      <c r="DB59" s="58"/>
      <c r="DC59" s="58"/>
      <c r="DD59" s="58"/>
      <c r="DE59" s="58"/>
      <c r="DF59" s="58"/>
      <c r="DG59" s="58"/>
      <c r="DH59" s="58"/>
      <c r="DI59" s="58"/>
      <c r="DJ59" s="58"/>
      <c r="DK59" s="58"/>
      <c r="DL59" s="58"/>
      <c r="DM59" s="58"/>
      <c r="DN59" s="58"/>
      <c r="DO59" s="58"/>
      <c r="DP59" s="58"/>
      <c r="DQ59" s="58"/>
      <c r="DR59" s="58"/>
      <c r="DS59" s="58"/>
      <c r="DT59" s="58"/>
      <c r="DU59" s="58"/>
      <c r="DV59" s="58"/>
      <c r="DW59" s="58"/>
      <c r="DX59" s="58"/>
      <c r="DY59" s="58"/>
      <c r="DZ59" s="58"/>
      <c r="EA59" s="58"/>
      <c r="EB59" s="58"/>
      <c r="EC59" s="58"/>
      <c r="ED59" s="58"/>
      <c r="EE59" s="58"/>
      <c r="EF59" s="58"/>
      <c r="EG59" s="58"/>
      <c r="EH59" s="58"/>
      <c r="EI59" s="58"/>
      <c r="EJ59" s="58"/>
      <c r="EK59" s="58"/>
      <c r="EL59" s="58"/>
      <c r="EM59" s="58"/>
      <c r="EN59" s="58"/>
      <c r="EO59" s="58"/>
      <c r="EP59" s="58"/>
      <c r="EQ59" s="58"/>
      <c r="ER59" s="58"/>
      <c r="ES59" s="58"/>
      <c r="ET59" s="58"/>
      <c r="EU59" s="58"/>
      <c r="EV59" s="58"/>
      <c r="EW59" s="58"/>
      <c r="EX59" s="58"/>
      <c r="EY59" s="58"/>
      <c r="EZ59" s="58"/>
      <c r="FA59" s="58"/>
      <c r="FB59" s="58"/>
      <c r="FC59" s="58"/>
      <c r="FD59" s="58"/>
      <c r="FE59" s="58"/>
      <c r="FF59" s="58"/>
      <c r="FG59" s="58"/>
      <c r="FH59" s="58"/>
      <c r="FI59" s="58"/>
      <c r="FJ59" s="58"/>
      <c r="FK59" s="58"/>
      <c r="FL59" s="58"/>
      <c r="FM59" s="58"/>
      <c r="FN59" s="58"/>
      <c r="FO59" s="58"/>
      <c r="FP59" s="58"/>
      <c r="FQ59" s="58"/>
      <c r="FR59" s="58"/>
      <c r="FS59" s="58"/>
      <c r="FT59" s="58"/>
      <c r="FU59" s="58"/>
      <c r="FV59" s="58"/>
      <c r="FW59" s="58"/>
      <c r="FX59" s="58"/>
      <c r="FY59" s="58"/>
      <c r="FZ59" s="58"/>
      <c r="GA59" s="58"/>
      <c r="GB59" s="58"/>
      <c r="GC59" s="58"/>
      <c r="GD59" s="58"/>
      <c r="GE59" s="58"/>
      <c r="GF59" s="58"/>
      <c r="GG59" s="58"/>
      <c r="GH59" s="58"/>
      <c r="GI59" s="58"/>
      <c r="GJ59" s="58"/>
      <c r="GK59" s="58"/>
      <c r="GL59" s="58"/>
      <c r="GM59" s="58"/>
      <c r="GN59" s="58"/>
      <c r="GO59" s="58"/>
      <c r="GP59" s="58"/>
      <c r="GQ59" s="58"/>
      <c r="GR59" s="58"/>
      <c r="GS59" s="58"/>
      <c r="GT59" s="58"/>
      <c r="GU59" s="58"/>
      <c r="GV59" s="58"/>
      <c r="GW59" s="58"/>
      <c r="GX59" s="58"/>
      <c r="GY59" s="58"/>
      <c r="GZ59" s="58"/>
      <c r="HA59" s="58"/>
      <c r="HB59" s="58"/>
      <c r="HC59" s="58"/>
      <c r="HD59" s="58"/>
      <c r="HE59" s="58"/>
      <c r="HF59" s="58"/>
      <c r="HG59" s="58"/>
      <c r="HH59" s="58"/>
      <c r="HI59" s="58"/>
      <c r="HJ59" s="58"/>
      <c r="HK59" s="58"/>
      <c r="HL59" s="58"/>
      <c r="HM59" s="58"/>
      <c r="HN59" s="58"/>
      <c r="HO59" s="58"/>
      <c r="HP59" s="58"/>
      <c r="HQ59" s="58"/>
      <c r="HR59" s="58"/>
      <c r="HS59" s="58"/>
      <c r="HT59" s="58"/>
      <c r="HU59" s="58"/>
      <c r="HV59" s="58"/>
      <c r="HW59" s="58"/>
      <c r="HX59" s="58"/>
      <c r="HY59" s="58"/>
      <c r="HZ59" s="58"/>
      <c r="IA59" s="58"/>
      <c r="IB59" s="58"/>
      <c r="IC59" s="58"/>
      <c r="ID59" s="58"/>
      <c r="IE59" s="58"/>
      <c r="IF59" s="58"/>
      <c r="IG59" s="58"/>
      <c r="IH59" s="58"/>
      <c r="II59" s="58"/>
      <c r="IJ59" s="58"/>
      <c r="IK59" s="58"/>
      <c r="IL59" s="58"/>
      <c r="IM59" s="58"/>
      <c r="IN59" s="58"/>
      <c r="IO59" s="58"/>
      <c r="IP59" s="58"/>
      <c r="IQ59" s="58"/>
    </row>
    <row r="60" spans="1:251" ht="12.75">
      <c r="A60" s="18"/>
      <c r="B60" s="75">
        <v>36</v>
      </c>
      <c r="C60" s="81" t="s">
        <v>240</v>
      </c>
      <c r="D60" s="81">
        <v>19131.900000000001</v>
      </c>
      <c r="E60" s="81">
        <v>14738</v>
      </c>
      <c r="F60" s="20"/>
      <c r="G60" s="20"/>
      <c r="H60" s="20"/>
      <c r="I60" s="20"/>
      <c r="J60" s="20"/>
      <c r="K60" s="20"/>
      <c r="L60" s="20"/>
      <c r="M60" s="20"/>
      <c r="N60" s="20"/>
      <c r="O60" s="20"/>
      <c r="P60" s="20"/>
      <c r="Q60" s="20"/>
      <c r="R60" s="20"/>
      <c r="S60" s="20"/>
      <c r="T60" s="20"/>
      <c r="U60" s="20"/>
      <c r="V60" s="20"/>
      <c r="W60" s="20"/>
      <c r="X60" s="20"/>
      <c r="Y60" s="20"/>
      <c r="Z60" s="20"/>
      <c r="AA60" s="20"/>
      <c r="AB60" s="20"/>
      <c r="AC60" s="20"/>
      <c r="AD60" s="20"/>
      <c r="AE60" s="20"/>
      <c r="AF60" s="20"/>
      <c r="AG60" s="20"/>
      <c r="AH60" s="20"/>
      <c r="AI60" s="20"/>
      <c r="AJ60" s="20"/>
      <c r="AK60" s="20"/>
      <c r="AL60" s="20"/>
      <c r="AM60" s="20"/>
      <c r="AN60" s="20"/>
      <c r="AO60" s="20"/>
      <c r="AP60" s="20"/>
      <c r="AQ60" s="20"/>
      <c r="AR60" s="20"/>
      <c r="AS60" s="20"/>
      <c r="AT60" s="20"/>
      <c r="AU60" s="20"/>
      <c r="AV60" s="20"/>
      <c r="AW60" s="20"/>
      <c r="AX60" s="20"/>
      <c r="AY60" s="20"/>
      <c r="AZ60" s="20"/>
      <c r="BA60" s="20"/>
      <c r="BB60" s="20"/>
      <c r="BC60" s="20"/>
      <c r="BD60" s="20"/>
      <c r="BE60" s="20"/>
      <c r="BF60" s="20"/>
      <c r="BG60" s="20"/>
      <c r="BH60" s="20"/>
      <c r="BI60" s="20"/>
      <c r="BJ60" s="20"/>
      <c r="BK60" s="20"/>
      <c r="BL60" s="20"/>
      <c r="BM60" s="20"/>
      <c r="BN60" s="20"/>
      <c r="BO60" s="20"/>
      <c r="BP60" s="20"/>
      <c r="BQ60" s="20"/>
      <c r="BR60" s="20"/>
      <c r="BS60" s="20"/>
      <c r="BT60" s="20"/>
      <c r="BU60" s="20"/>
      <c r="BV60" s="20"/>
      <c r="BW60" s="20"/>
      <c r="BX60" s="20"/>
      <c r="BY60" s="20"/>
      <c r="BZ60" s="20"/>
      <c r="CA60" s="20"/>
      <c r="CB60" s="20"/>
      <c r="CC60" s="20"/>
      <c r="CD60" s="20"/>
      <c r="CE60" s="20"/>
      <c r="CF60" s="20"/>
      <c r="CG60" s="20"/>
      <c r="CH60" s="20"/>
      <c r="CI60" s="20"/>
      <c r="CJ60" s="20"/>
      <c r="CK60" s="20"/>
      <c r="CL60" s="20"/>
      <c r="CM60" s="20"/>
      <c r="CN60" s="20"/>
      <c r="CO60" s="20"/>
      <c r="CP60" s="20"/>
      <c r="CQ60" s="20"/>
      <c r="CR60" s="20"/>
      <c r="CS60" s="20"/>
      <c r="CT60" s="20"/>
      <c r="CU60" s="20"/>
      <c r="CV60" s="20"/>
      <c r="CW60" s="20"/>
      <c r="CX60" s="20"/>
      <c r="CY60" s="20"/>
      <c r="CZ60" s="20"/>
      <c r="DA60" s="20"/>
      <c r="DB60" s="20"/>
      <c r="DC60" s="20"/>
      <c r="DD60" s="20"/>
      <c r="DE60" s="20"/>
      <c r="DF60" s="20"/>
      <c r="DG60" s="20"/>
      <c r="DH60" s="20"/>
      <c r="DI60" s="20"/>
      <c r="DJ60" s="20"/>
      <c r="DK60" s="20"/>
      <c r="DL60" s="20"/>
      <c r="DM60" s="20"/>
      <c r="DN60" s="20"/>
      <c r="DO60" s="20"/>
      <c r="DP60" s="20"/>
      <c r="DQ60" s="20"/>
      <c r="DR60" s="20"/>
      <c r="DS60" s="20"/>
      <c r="DT60" s="20"/>
      <c r="DU60" s="20"/>
      <c r="DV60" s="20"/>
      <c r="DW60" s="20"/>
      <c r="DX60" s="20"/>
      <c r="DY60" s="20"/>
      <c r="DZ60" s="20"/>
      <c r="EA60" s="20"/>
      <c r="EB60" s="20"/>
      <c r="EC60" s="20"/>
      <c r="ED60" s="20"/>
      <c r="EE60" s="20"/>
      <c r="EF60" s="20"/>
      <c r="EG60" s="20"/>
      <c r="EH60" s="20"/>
      <c r="EI60" s="20"/>
      <c r="EJ60" s="20"/>
      <c r="EK60" s="20"/>
      <c r="EL60" s="20"/>
      <c r="EM60" s="20"/>
      <c r="EN60" s="20"/>
      <c r="EO60" s="20"/>
      <c r="EP60" s="20"/>
      <c r="EQ60" s="20"/>
      <c r="ER60" s="20"/>
      <c r="ES60" s="20"/>
      <c r="ET60" s="20"/>
      <c r="EU60" s="20"/>
      <c r="EV60" s="20"/>
      <c r="EW60" s="20"/>
      <c r="EX60" s="20"/>
      <c r="EY60" s="20"/>
      <c r="EZ60" s="20"/>
      <c r="FA60" s="20"/>
      <c r="FB60" s="20"/>
      <c r="FC60" s="20"/>
      <c r="FD60" s="20"/>
      <c r="FE60" s="20"/>
      <c r="FF60" s="20"/>
      <c r="FG60" s="20"/>
      <c r="FH60" s="20"/>
      <c r="FI60" s="20"/>
      <c r="FJ60" s="20"/>
      <c r="FK60" s="20"/>
      <c r="FL60" s="20"/>
      <c r="FM60" s="20"/>
      <c r="FN60" s="20"/>
      <c r="FO60" s="20"/>
      <c r="FP60" s="20"/>
      <c r="FQ60" s="20"/>
      <c r="FR60" s="20"/>
      <c r="FS60" s="20"/>
      <c r="FT60" s="20"/>
      <c r="FU60" s="20"/>
      <c r="FV60" s="20"/>
      <c r="FW60" s="20"/>
      <c r="FX60" s="20"/>
      <c r="FY60" s="20"/>
      <c r="FZ60" s="20"/>
      <c r="GA60" s="20"/>
      <c r="GB60" s="20"/>
      <c r="GC60" s="20"/>
      <c r="GD60" s="20"/>
      <c r="GE60" s="20"/>
      <c r="GF60" s="20"/>
      <c r="GG60" s="20"/>
      <c r="GH60" s="20"/>
      <c r="GI60" s="20"/>
      <c r="GJ60" s="20"/>
      <c r="GK60" s="20"/>
      <c r="GL60" s="20"/>
      <c r="GM60" s="20"/>
      <c r="GN60" s="20"/>
      <c r="GO60" s="20"/>
      <c r="GP60" s="20"/>
      <c r="GQ60" s="20"/>
      <c r="GR60" s="20"/>
      <c r="GS60" s="20"/>
      <c r="GT60" s="20"/>
      <c r="GU60" s="20"/>
      <c r="GV60" s="20"/>
      <c r="GW60" s="20"/>
      <c r="GX60" s="20"/>
      <c r="GY60" s="20"/>
      <c r="GZ60" s="20"/>
      <c r="HA60" s="20"/>
      <c r="HB60" s="20"/>
      <c r="HC60" s="20"/>
      <c r="HD60" s="20"/>
      <c r="HE60" s="20"/>
      <c r="HF60" s="20"/>
      <c r="HG60" s="20"/>
      <c r="HH60" s="20"/>
      <c r="HI60" s="20"/>
      <c r="HJ60" s="20"/>
      <c r="HK60" s="20"/>
      <c r="HL60" s="20"/>
      <c r="HM60" s="20"/>
      <c r="HN60" s="20"/>
      <c r="HO60" s="20"/>
      <c r="HP60" s="20"/>
      <c r="HQ60" s="20"/>
      <c r="HR60" s="20"/>
      <c r="HS60" s="20"/>
      <c r="HT60" s="20"/>
      <c r="HU60" s="20"/>
      <c r="HV60" s="20"/>
      <c r="HW60" s="20"/>
      <c r="HX60" s="20"/>
      <c r="HY60" s="20"/>
      <c r="HZ60" s="20"/>
      <c r="IA60" s="20"/>
      <c r="IB60" s="20"/>
      <c r="IC60" s="20"/>
      <c r="ID60" s="20"/>
      <c r="IE60" s="20"/>
      <c r="IF60" s="20"/>
      <c r="IG60" s="20"/>
      <c r="IH60" s="20"/>
      <c r="II60" s="20"/>
      <c r="IJ60" s="20"/>
      <c r="IK60" s="20"/>
      <c r="IL60" s="20"/>
      <c r="IM60" s="20"/>
      <c r="IN60" s="20"/>
      <c r="IO60" s="20"/>
      <c r="IP60" s="20"/>
      <c r="IQ60" s="20"/>
    </row>
    <row r="61" spans="1:251" ht="12.75">
      <c r="A61" s="58"/>
      <c r="B61" s="72" t="s">
        <v>241</v>
      </c>
      <c r="C61" s="73"/>
      <c r="D61" s="73"/>
      <c r="E61" s="73"/>
    </row>
    <row r="62" spans="1:251" ht="12.75">
      <c r="A62" s="58"/>
      <c r="B62" s="74">
        <v>37</v>
      </c>
      <c r="C62" s="76" t="s">
        <v>242</v>
      </c>
      <c r="D62" s="73"/>
      <c r="E62" s="73"/>
    </row>
    <row r="63" spans="1:251" ht="25.5">
      <c r="A63" s="58"/>
      <c r="B63" s="74">
        <v>38</v>
      </c>
      <c r="C63" s="76" t="s">
        <v>243</v>
      </c>
      <c r="D63" s="73"/>
      <c r="E63" s="73"/>
    </row>
    <row r="64" spans="1:251" ht="38.25">
      <c r="A64" s="58"/>
      <c r="B64" s="74">
        <v>39</v>
      </c>
      <c r="C64" s="76" t="s">
        <v>244</v>
      </c>
      <c r="D64" s="73"/>
      <c r="E64" s="73"/>
    </row>
    <row r="65" spans="1:251" ht="39" thickBot="1">
      <c r="A65" s="58"/>
      <c r="B65" s="74">
        <v>40</v>
      </c>
      <c r="C65" s="76" t="s">
        <v>245</v>
      </c>
      <c r="D65" s="73"/>
      <c r="E65" s="73"/>
    </row>
    <row r="66" spans="1:251" ht="39" thickBot="1">
      <c r="A66" s="58"/>
      <c r="B66" s="79">
        <v>41</v>
      </c>
      <c r="C66" s="80" t="s">
        <v>246</v>
      </c>
      <c r="D66" s="73"/>
      <c r="E66" s="73"/>
    </row>
    <row r="67" spans="1:251" ht="26.25" thickBot="1">
      <c r="A67" s="58"/>
      <c r="B67" s="79" t="s">
        <v>247</v>
      </c>
      <c r="C67" s="80" t="s">
        <v>248</v>
      </c>
      <c r="D67" s="73"/>
      <c r="E67" s="73"/>
    </row>
    <row r="68" spans="1:251" ht="26.25" thickBot="1">
      <c r="A68" s="58"/>
      <c r="B68" s="79" t="s">
        <v>249</v>
      </c>
      <c r="C68" s="80" t="s">
        <v>250</v>
      </c>
      <c r="D68" s="73"/>
      <c r="E68" s="73"/>
      <c r="F68" s="58"/>
      <c r="G68" s="58"/>
      <c r="H68" s="58"/>
      <c r="I68" s="58"/>
      <c r="J68" s="58"/>
      <c r="K68" s="58"/>
      <c r="L68" s="58"/>
      <c r="M68" s="58"/>
      <c r="N68" s="58"/>
      <c r="O68" s="58"/>
      <c r="P68" s="58"/>
      <c r="Q68" s="58"/>
      <c r="R68" s="58"/>
      <c r="S68" s="58"/>
      <c r="T68" s="58"/>
      <c r="U68" s="58"/>
      <c r="V68" s="58"/>
      <c r="W68" s="58"/>
      <c r="X68" s="58"/>
      <c r="Y68" s="58"/>
      <c r="Z68" s="58"/>
      <c r="AA68" s="58"/>
      <c r="AB68" s="58"/>
      <c r="AC68" s="58"/>
      <c r="AD68" s="58"/>
      <c r="AE68" s="58"/>
      <c r="AF68" s="58"/>
      <c r="AG68" s="58"/>
      <c r="AH68" s="58"/>
      <c r="AI68" s="58"/>
      <c r="AJ68" s="58"/>
      <c r="AK68" s="58"/>
      <c r="AL68" s="58"/>
      <c r="AM68" s="58"/>
      <c r="AN68" s="58"/>
      <c r="AO68" s="58"/>
      <c r="AP68" s="58"/>
      <c r="AQ68" s="58"/>
      <c r="AR68" s="58"/>
      <c r="AS68" s="58"/>
      <c r="AT68" s="58"/>
      <c r="AU68" s="58"/>
      <c r="AV68" s="58"/>
      <c r="AW68" s="58"/>
      <c r="AX68" s="58"/>
      <c r="AY68" s="58"/>
      <c r="AZ68" s="58"/>
      <c r="BA68" s="58"/>
      <c r="BB68" s="58"/>
      <c r="BC68" s="58"/>
      <c r="BD68" s="58"/>
      <c r="BE68" s="58"/>
      <c r="BF68" s="58"/>
      <c r="BG68" s="58"/>
      <c r="BH68" s="58"/>
      <c r="BI68" s="58"/>
      <c r="BJ68" s="58"/>
      <c r="BK68" s="58"/>
      <c r="BL68" s="58"/>
      <c r="BM68" s="58"/>
      <c r="BN68" s="58"/>
      <c r="BO68" s="58"/>
      <c r="BP68" s="58"/>
      <c r="BQ68" s="58"/>
      <c r="BR68" s="58"/>
      <c r="BS68" s="58"/>
      <c r="BT68" s="58"/>
      <c r="BU68" s="58"/>
      <c r="BV68" s="58"/>
      <c r="BW68" s="58"/>
      <c r="BX68" s="58"/>
      <c r="BY68" s="58"/>
      <c r="BZ68" s="58"/>
      <c r="CA68" s="58"/>
      <c r="CB68" s="58"/>
      <c r="CC68" s="58"/>
      <c r="CD68" s="58"/>
      <c r="CE68" s="58"/>
      <c r="CF68" s="58"/>
      <c r="CG68" s="58"/>
      <c r="CH68" s="58"/>
      <c r="CI68" s="58"/>
      <c r="CJ68" s="58"/>
      <c r="CK68" s="58"/>
      <c r="CL68" s="58"/>
      <c r="CM68" s="58"/>
      <c r="CN68" s="58"/>
      <c r="CO68" s="58"/>
      <c r="CP68" s="58"/>
      <c r="CQ68" s="58"/>
      <c r="CR68" s="58"/>
      <c r="CS68" s="58"/>
      <c r="CT68" s="58"/>
      <c r="CU68" s="58"/>
      <c r="CV68" s="58"/>
      <c r="CW68" s="58"/>
      <c r="CX68" s="58"/>
      <c r="CY68" s="58"/>
      <c r="CZ68" s="58"/>
      <c r="DA68" s="58"/>
      <c r="DB68" s="58"/>
      <c r="DC68" s="58"/>
      <c r="DD68" s="58"/>
      <c r="DE68" s="58"/>
      <c r="DF68" s="58"/>
      <c r="DG68" s="58"/>
      <c r="DH68" s="58"/>
      <c r="DI68" s="58"/>
      <c r="DJ68" s="58"/>
      <c r="DK68" s="58"/>
      <c r="DL68" s="58"/>
      <c r="DM68" s="58"/>
      <c r="DN68" s="58"/>
      <c r="DO68" s="58"/>
      <c r="DP68" s="58"/>
      <c r="DQ68" s="58"/>
      <c r="DR68" s="58"/>
      <c r="DS68" s="58"/>
      <c r="DT68" s="58"/>
      <c r="DU68" s="58"/>
      <c r="DV68" s="58"/>
      <c r="DW68" s="58"/>
      <c r="DX68" s="58"/>
      <c r="DY68" s="58"/>
      <c r="DZ68" s="58"/>
      <c r="EA68" s="58"/>
      <c r="EB68" s="58"/>
      <c r="EC68" s="58"/>
      <c r="ED68" s="58"/>
      <c r="EE68" s="58"/>
      <c r="EF68" s="58"/>
      <c r="EG68" s="58"/>
      <c r="EH68" s="58"/>
      <c r="EI68" s="58"/>
      <c r="EJ68" s="58"/>
      <c r="EK68" s="58"/>
      <c r="EL68" s="58"/>
      <c r="EM68" s="58"/>
      <c r="EN68" s="58"/>
      <c r="EO68" s="58"/>
      <c r="EP68" s="58"/>
      <c r="EQ68" s="58"/>
      <c r="ER68" s="58"/>
      <c r="ES68" s="58"/>
      <c r="ET68" s="58"/>
      <c r="EU68" s="58"/>
      <c r="EV68" s="58"/>
      <c r="EW68" s="58"/>
      <c r="EX68" s="58"/>
      <c r="EY68" s="58"/>
      <c r="EZ68" s="58"/>
      <c r="FA68" s="58"/>
      <c r="FB68" s="58"/>
      <c r="FC68" s="58"/>
      <c r="FD68" s="58"/>
      <c r="FE68" s="58"/>
      <c r="FF68" s="58"/>
      <c r="FG68" s="58"/>
      <c r="FH68" s="58"/>
      <c r="FI68" s="58"/>
      <c r="FJ68" s="58"/>
      <c r="FK68" s="58"/>
      <c r="FL68" s="58"/>
      <c r="FM68" s="58"/>
      <c r="FN68" s="58"/>
      <c r="FO68" s="58"/>
      <c r="FP68" s="58"/>
      <c r="FQ68" s="58"/>
      <c r="FR68" s="58"/>
      <c r="FS68" s="58"/>
      <c r="FT68" s="58"/>
      <c r="FU68" s="58"/>
      <c r="FV68" s="58"/>
      <c r="FW68" s="58"/>
      <c r="FX68" s="58"/>
      <c r="FY68" s="58"/>
      <c r="FZ68" s="58"/>
      <c r="GA68" s="58"/>
      <c r="GB68" s="58"/>
      <c r="GC68" s="58"/>
      <c r="GD68" s="58"/>
      <c r="GE68" s="58"/>
      <c r="GF68" s="58"/>
      <c r="GG68" s="58"/>
      <c r="GH68" s="58"/>
      <c r="GI68" s="58"/>
      <c r="GJ68" s="58"/>
      <c r="GK68" s="58"/>
      <c r="GL68" s="58"/>
      <c r="GM68" s="58"/>
      <c r="GN68" s="58"/>
      <c r="GO68" s="58"/>
      <c r="GP68" s="58"/>
      <c r="GQ68" s="58"/>
      <c r="GR68" s="58"/>
      <c r="GS68" s="58"/>
      <c r="GT68" s="58"/>
      <c r="GU68" s="58"/>
      <c r="GV68" s="58"/>
      <c r="GW68" s="58"/>
      <c r="GX68" s="58"/>
      <c r="GY68" s="58"/>
      <c r="GZ68" s="58"/>
      <c r="HA68" s="58"/>
      <c r="HB68" s="58"/>
      <c r="HC68" s="58"/>
      <c r="HD68" s="58"/>
      <c r="HE68" s="58"/>
      <c r="HF68" s="58"/>
      <c r="HG68" s="58"/>
      <c r="HH68" s="58"/>
      <c r="HI68" s="58"/>
      <c r="HJ68" s="58"/>
      <c r="HK68" s="58"/>
      <c r="HL68" s="58"/>
      <c r="HM68" s="58"/>
      <c r="HN68" s="58"/>
      <c r="HO68" s="58"/>
      <c r="HP68" s="58"/>
      <c r="HQ68" s="58"/>
      <c r="HR68" s="58"/>
      <c r="HS68" s="58"/>
      <c r="HT68" s="58"/>
      <c r="HU68" s="58"/>
      <c r="HV68" s="58"/>
      <c r="HW68" s="58"/>
      <c r="HX68" s="58"/>
      <c r="HY68" s="58"/>
      <c r="HZ68" s="58"/>
      <c r="IA68" s="58"/>
      <c r="IB68" s="58"/>
      <c r="IC68" s="58"/>
      <c r="ID68" s="58"/>
      <c r="IE68" s="58"/>
      <c r="IF68" s="58"/>
      <c r="IG68" s="58"/>
      <c r="IH68" s="58"/>
      <c r="II68" s="58"/>
      <c r="IJ68" s="58"/>
      <c r="IK68" s="58"/>
      <c r="IL68" s="58"/>
      <c r="IM68" s="58"/>
      <c r="IN68" s="58"/>
      <c r="IO68" s="58"/>
      <c r="IP68" s="58"/>
      <c r="IQ68" s="58"/>
    </row>
    <row r="69" spans="1:251" ht="26.25" thickBot="1">
      <c r="A69" s="58"/>
      <c r="B69" s="79" t="s">
        <v>251</v>
      </c>
      <c r="C69" s="80" t="s">
        <v>252</v>
      </c>
      <c r="D69" s="73"/>
      <c r="E69" s="73"/>
      <c r="F69" s="58"/>
      <c r="G69" s="58"/>
      <c r="H69" s="58"/>
      <c r="I69" s="58"/>
      <c r="J69" s="58"/>
      <c r="K69" s="58"/>
      <c r="L69" s="58"/>
      <c r="M69" s="58"/>
      <c r="N69" s="58"/>
      <c r="O69" s="58"/>
      <c r="P69" s="58"/>
      <c r="Q69" s="58"/>
      <c r="R69" s="58"/>
      <c r="S69" s="58"/>
      <c r="T69" s="58"/>
      <c r="U69" s="58"/>
      <c r="V69" s="58"/>
      <c r="W69" s="58"/>
      <c r="X69" s="58"/>
      <c r="Y69" s="58"/>
      <c r="Z69" s="58"/>
      <c r="AA69" s="58"/>
      <c r="AB69" s="58"/>
      <c r="AC69" s="58"/>
      <c r="AD69" s="58"/>
      <c r="AE69" s="58"/>
      <c r="AF69" s="58"/>
      <c r="AG69" s="58"/>
      <c r="AH69" s="58"/>
      <c r="AI69" s="58"/>
      <c r="AJ69" s="58"/>
      <c r="AK69" s="58"/>
      <c r="AL69" s="58"/>
      <c r="AM69" s="58"/>
      <c r="AN69" s="58"/>
      <c r="AO69" s="58"/>
      <c r="AP69" s="58"/>
      <c r="AQ69" s="58"/>
      <c r="AR69" s="58"/>
      <c r="AS69" s="58"/>
      <c r="AT69" s="58"/>
      <c r="AU69" s="58"/>
      <c r="AV69" s="58"/>
      <c r="AW69" s="58"/>
      <c r="AX69" s="58"/>
      <c r="AY69" s="58"/>
      <c r="AZ69" s="58"/>
      <c r="BA69" s="58"/>
      <c r="BB69" s="58"/>
      <c r="BC69" s="58"/>
      <c r="BD69" s="58"/>
      <c r="BE69" s="58"/>
      <c r="BF69" s="58"/>
      <c r="BG69" s="58"/>
      <c r="BH69" s="58"/>
      <c r="BI69" s="58"/>
      <c r="BJ69" s="58"/>
      <c r="BK69" s="58"/>
      <c r="BL69" s="58"/>
      <c r="BM69" s="58"/>
      <c r="BN69" s="58"/>
      <c r="BO69" s="58"/>
      <c r="BP69" s="58"/>
      <c r="BQ69" s="58"/>
      <c r="BR69" s="58"/>
      <c r="BS69" s="58"/>
      <c r="BT69" s="58"/>
      <c r="BU69" s="58"/>
      <c r="BV69" s="58"/>
      <c r="BW69" s="58"/>
      <c r="BX69" s="58"/>
      <c r="BY69" s="58"/>
      <c r="BZ69" s="58"/>
      <c r="CA69" s="58"/>
      <c r="CB69" s="58"/>
      <c r="CC69" s="58"/>
      <c r="CD69" s="58"/>
      <c r="CE69" s="58"/>
      <c r="CF69" s="58"/>
      <c r="CG69" s="58"/>
      <c r="CH69" s="58"/>
      <c r="CI69" s="58"/>
      <c r="CJ69" s="58"/>
      <c r="CK69" s="58"/>
      <c r="CL69" s="58"/>
      <c r="CM69" s="58"/>
      <c r="CN69" s="58"/>
      <c r="CO69" s="58"/>
      <c r="CP69" s="58"/>
      <c r="CQ69" s="58"/>
      <c r="CR69" s="58"/>
      <c r="CS69" s="58"/>
      <c r="CT69" s="58"/>
      <c r="CU69" s="58"/>
      <c r="CV69" s="58"/>
      <c r="CW69" s="58"/>
      <c r="CX69" s="58"/>
      <c r="CY69" s="58"/>
      <c r="CZ69" s="58"/>
      <c r="DA69" s="58"/>
      <c r="DB69" s="58"/>
      <c r="DC69" s="58"/>
      <c r="DD69" s="58"/>
      <c r="DE69" s="58"/>
      <c r="DF69" s="58"/>
      <c r="DG69" s="58"/>
      <c r="DH69" s="58"/>
      <c r="DI69" s="58"/>
      <c r="DJ69" s="58"/>
      <c r="DK69" s="58"/>
      <c r="DL69" s="58"/>
      <c r="DM69" s="58"/>
      <c r="DN69" s="58"/>
      <c r="DO69" s="58"/>
      <c r="DP69" s="58"/>
      <c r="DQ69" s="58"/>
      <c r="DR69" s="58"/>
      <c r="DS69" s="58"/>
      <c r="DT69" s="58"/>
      <c r="DU69" s="58"/>
      <c r="DV69" s="58"/>
      <c r="DW69" s="58"/>
      <c r="DX69" s="58"/>
      <c r="DY69" s="58"/>
      <c r="DZ69" s="58"/>
      <c r="EA69" s="58"/>
      <c r="EB69" s="58"/>
      <c r="EC69" s="58"/>
      <c r="ED69" s="58"/>
      <c r="EE69" s="58"/>
      <c r="EF69" s="58"/>
      <c r="EG69" s="58"/>
      <c r="EH69" s="58"/>
      <c r="EI69" s="58"/>
      <c r="EJ69" s="58"/>
      <c r="EK69" s="58"/>
      <c r="EL69" s="58"/>
      <c r="EM69" s="58"/>
      <c r="EN69" s="58"/>
      <c r="EO69" s="58"/>
      <c r="EP69" s="58"/>
      <c r="EQ69" s="58"/>
      <c r="ER69" s="58"/>
      <c r="ES69" s="58"/>
      <c r="ET69" s="58"/>
      <c r="EU69" s="58"/>
      <c r="EV69" s="58"/>
      <c r="EW69" s="58"/>
      <c r="EX69" s="58"/>
      <c r="EY69" s="58"/>
      <c r="EZ69" s="58"/>
      <c r="FA69" s="58"/>
      <c r="FB69" s="58"/>
      <c r="FC69" s="58"/>
      <c r="FD69" s="58"/>
      <c r="FE69" s="58"/>
      <c r="FF69" s="58"/>
      <c r="FG69" s="58"/>
      <c r="FH69" s="58"/>
      <c r="FI69" s="58"/>
      <c r="FJ69" s="58"/>
      <c r="FK69" s="58"/>
      <c r="FL69" s="58"/>
      <c r="FM69" s="58"/>
      <c r="FN69" s="58"/>
      <c r="FO69" s="58"/>
      <c r="FP69" s="58"/>
      <c r="FQ69" s="58"/>
      <c r="FR69" s="58"/>
      <c r="FS69" s="58"/>
      <c r="FT69" s="58"/>
      <c r="FU69" s="58"/>
      <c r="FV69" s="58"/>
      <c r="FW69" s="58"/>
      <c r="FX69" s="58"/>
      <c r="FY69" s="58"/>
      <c r="FZ69" s="58"/>
      <c r="GA69" s="58"/>
      <c r="GB69" s="58"/>
      <c r="GC69" s="58"/>
      <c r="GD69" s="58"/>
      <c r="GE69" s="58"/>
      <c r="GF69" s="58"/>
      <c r="GG69" s="58"/>
      <c r="GH69" s="58"/>
      <c r="GI69" s="58"/>
      <c r="GJ69" s="58"/>
      <c r="GK69" s="58"/>
      <c r="GL69" s="58"/>
      <c r="GM69" s="58"/>
      <c r="GN69" s="58"/>
      <c r="GO69" s="58"/>
      <c r="GP69" s="58"/>
      <c r="GQ69" s="58"/>
      <c r="GR69" s="58"/>
      <c r="GS69" s="58"/>
      <c r="GT69" s="58"/>
      <c r="GU69" s="58"/>
      <c r="GV69" s="58"/>
      <c r="GW69" s="58"/>
      <c r="GX69" s="58"/>
      <c r="GY69" s="58"/>
      <c r="GZ69" s="58"/>
      <c r="HA69" s="58"/>
      <c r="HB69" s="58"/>
      <c r="HC69" s="58"/>
      <c r="HD69" s="58"/>
      <c r="HE69" s="58"/>
      <c r="HF69" s="58"/>
      <c r="HG69" s="58"/>
      <c r="HH69" s="58"/>
      <c r="HI69" s="58"/>
      <c r="HJ69" s="58"/>
      <c r="HK69" s="58"/>
      <c r="HL69" s="58"/>
      <c r="HM69" s="58"/>
      <c r="HN69" s="58"/>
      <c r="HO69" s="58"/>
      <c r="HP69" s="58"/>
      <c r="HQ69" s="58"/>
      <c r="HR69" s="58"/>
      <c r="HS69" s="58"/>
      <c r="HT69" s="58"/>
      <c r="HU69" s="58"/>
      <c r="HV69" s="58"/>
      <c r="HW69" s="58"/>
      <c r="HX69" s="58"/>
      <c r="HY69" s="58"/>
      <c r="HZ69" s="58"/>
      <c r="IA69" s="58"/>
      <c r="IB69" s="58"/>
      <c r="IC69" s="58"/>
      <c r="ID69" s="58"/>
      <c r="IE69" s="58"/>
      <c r="IF69" s="58"/>
      <c r="IG69" s="58"/>
      <c r="IH69" s="58"/>
      <c r="II69" s="58"/>
      <c r="IJ69" s="58"/>
      <c r="IK69" s="58"/>
      <c r="IL69" s="58"/>
      <c r="IM69" s="58"/>
      <c r="IN69" s="58"/>
      <c r="IO69" s="58"/>
      <c r="IP69" s="58"/>
      <c r="IQ69" s="58"/>
    </row>
    <row r="70" spans="1:251" ht="12.75">
      <c r="A70" s="58"/>
      <c r="B70" s="82">
        <v>42</v>
      </c>
      <c r="C70" s="84" t="s">
        <v>253</v>
      </c>
      <c r="D70" s="84"/>
      <c r="E70" s="84"/>
      <c r="F70" s="58"/>
      <c r="G70" s="58"/>
      <c r="H70" s="58"/>
      <c r="I70" s="58"/>
      <c r="J70" s="58"/>
      <c r="K70" s="58"/>
      <c r="L70" s="58"/>
      <c r="M70" s="58"/>
      <c r="N70" s="58"/>
      <c r="O70" s="58"/>
      <c r="P70" s="58"/>
      <c r="Q70" s="58"/>
      <c r="R70" s="58"/>
      <c r="S70" s="58"/>
      <c r="T70" s="58"/>
      <c r="U70" s="58"/>
      <c r="V70" s="58"/>
      <c r="W70" s="58"/>
      <c r="X70" s="58"/>
      <c r="Y70" s="58"/>
      <c r="Z70" s="58"/>
      <c r="AA70" s="58"/>
      <c r="AB70" s="58"/>
      <c r="AC70" s="58"/>
      <c r="AD70" s="58"/>
      <c r="AE70" s="58"/>
      <c r="AF70" s="58"/>
      <c r="AG70" s="58"/>
      <c r="AH70" s="58"/>
      <c r="AI70" s="58"/>
      <c r="AJ70" s="58"/>
      <c r="AK70" s="58"/>
      <c r="AL70" s="58"/>
      <c r="AM70" s="58"/>
      <c r="AN70" s="58"/>
      <c r="AO70" s="58"/>
      <c r="AP70" s="58"/>
      <c r="AQ70" s="58"/>
      <c r="AR70" s="58"/>
      <c r="AS70" s="58"/>
      <c r="AT70" s="58"/>
      <c r="AU70" s="58"/>
      <c r="AV70" s="58"/>
      <c r="AW70" s="58"/>
      <c r="AX70" s="58"/>
      <c r="AY70" s="58"/>
      <c r="AZ70" s="58"/>
      <c r="BA70" s="58"/>
      <c r="BB70" s="58"/>
      <c r="BC70" s="58"/>
      <c r="BD70" s="58"/>
      <c r="BE70" s="58"/>
      <c r="BF70" s="58"/>
      <c r="BG70" s="58"/>
      <c r="BH70" s="58"/>
      <c r="BI70" s="58"/>
      <c r="BJ70" s="58"/>
      <c r="BK70" s="58"/>
      <c r="BL70" s="58"/>
      <c r="BM70" s="58"/>
      <c r="BN70" s="58"/>
      <c r="BO70" s="58"/>
      <c r="BP70" s="58"/>
      <c r="BQ70" s="58"/>
      <c r="BR70" s="58"/>
      <c r="BS70" s="58"/>
      <c r="BT70" s="58"/>
      <c r="BU70" s="58"/>
      <c r="BV70" s="58"/>
      <c r="BW70" s="58"/>
      <c r="BX70" s="58"/>
      <c r="BY70" s="58"/>
      <c r="BZ70" s="58"/>
      <c r="CA70" s="58"/>
      <c r="CB70" s="58"/>
      <c r="CC70" s="58"/>
      <c r="CD70" s="58"/>
      <c r="CE70" s="58"/>
      <c r="CF70" s="58"/>
      <c r="CG70" s="58"/>
      <c r="CH70" s="58"/>
      <c r="CI70" s="58"/>
      <c r="CJ70" s="58"/>
      <c r="CK70" s="58"/>
      <c r="CL70" s="58"/>
      <c r="CM70" s="58"/>
      <c r="CN70" s="58"/>
      <c r="CO70" s="58"/>
      <c r="CP70" s="58"/>
      <c r="CQ70" s="58"/>
      <c r="CR70" s="58"/>
      <c r="CS70" s="58"/>
      <c r="CT70" s="58"/>
      <c r="CU70" s="58"/>
      <c r="CV70" s="58"/>
      <c r="CW70" s="58"/>
      <c r="CX70" s="58"/>
      <c r="CY70" s="58"/>
      <c r="CZ70" s="58"/>
      <c r="DA70" s="58"/>
      <c r="DB70" s="58"/>
      <c r="DC70" s="58"/>
      <c r="DD70" s="58"/>
      <c r="DE70" s="58"/>
      <c r="DF70" s="58"/>
      <c r="DG70" s="58"/>
      <c r="DH70" s="58"/>
      <c r="DI70" s="58"/>
      <c r="DJ70" s="58"/>
      <c r="DK70" s="58"/>
      <c r="DL70" s="58"/>
      <c r="DM70" s="58"/>
      <c r="DN70" s="58"/>
      <c r="DO70" s="58"/>
      <c r="DP70" s="58"/>
      <c r="DQ70" s="58"/>
      <c r="DR70" s="58"/>
      <c r="DS70" s="58"/>
      <c r="DT70" s="58"/>
      <c r="DU70" s="58"/>
      <c r="DV70" s="58"/>
      <c r="DW70" s="58"/>
      <c r="DX70" s="58"/>
      <c r="DY70" s="58"/>
      <c r="DZ70" s="58"/>
      <c r="EA70" s="58"/>
      <c r="EB70" s="58"/>
      <c r="EC70" s="58"/>
      <c r="ED70" s="58"/>
      <c r="EE70" s="58"/>
      <c r="EF70" s="58"/>
      <c r="EG70" s="58"/>
      <c r="EH70" s="58"/>
      <c r="EI70" s="58"/>
      <c r="EJ70" s="58"/>
      <c r="EK70" s="58"/>
      <c r="EL70" s="58"/>
      <c r="EM70" s="58"/>
      <c r="EN70" s="58"/>
      <c r="EO70" s="58"/>
      <c r="EP70" s="58"/>
      <c r="EQ70" s="58"/>
      <c r="ER70" s="58"/>
      <c r="ES70" s="58"/>
      <c r="ET70" s="58"/>
      <c r="EU70" s="58"/>
      <c r="EV70" s="58"/>
      <c r="EW70" s="58"/>
      <c r="EX70" s="58"/>
      <c r="EY70" s="58"/>
      <c r="EZ70" s="58"/>
      <c r="FA70" s="58"/>
      <c r="FB70" s="58"/>
      <c r="FC70" s="58"/>
      <c r="FD70" s="58"/>
      <c r="FE70" s="58"/>
      <c r="FF70" s="58"/>
      <c r="FG70" s="58"/>
      <c r="FH70" s="58"/>
      <c r="FI70" s="58"/>
      <c r="FJ70" s="58"/>
      <c r="FK70" s="58"/>
      <c r="FL70" s="58"/>
      <c r="FM70" s="58"/>
      <c r="FN70" s="58"/>
      <c r="FO70" s="58"/>
      <c r="FP70" s="58"/>
      <c r="FQ70" s="58"/>
      <c r="FR70" s="58"/>
      <c r="FS70" s="58"/>
      <c r="FT70" s="58"/>
      <c r="FU70" s="58"/>
      <c r="FV70" s="58"/>
      <c r="FW70" s="58"/>
      <c r="FX70" s="58"/>
      <c r="FY70" s="58"/>
      <c r="FZ70" s="58"/>
      <c r="GA70" s="58"/>
      <c r="GB70" s="58"/>
      <c r="GC70" s="58"/>
      <c r="GD70" s="58"/>
      <c r="GE70" s="58"/>
      <c r="GF70" s="58"/>
      <c r="GG70" s="58"/>
      <c r="GH70" s="58"/>
      <c r="GI70" s="58"/>
      <c r="GJ70" s="58"/>
      <c r="GK70" s="58"/>
      <c r="GL70" s="58"/>
      <c r="GM70" s="58"/>
      <c r="GN70" s="58"/>
      <c r="GO70" s="58"/>
      <c r="GP70" s="58"/>
      <c r="GQ70" s="58"/>
      <c r="GR70" s="58"/>
      <c r="GS70" s="58"/>
      <c r="GT70" s="58"/>
      <c r="GU70" s="58"/>
      <c r="GV70" s="58"/>
      <c r="GW70" s="58"/>
      <c r="GX70" s="58"/>
      <c r="GY70" s="58"/>
      <c r="GZ70" s="58"/>
      <c r="HA70" s="58"/>
      <c r="HB70" s="58"/>
      <c r="HC70" s="58"/>
      <c r="HD70" s="58"/>
      <c r="HE70" s="58"/>
      <c r="HF70" s="58"/>
      <c r="HG70" s="58"/>
      <c r="HH70" s="58"/>
      <c r="HI70" s="58"/>
      <c r="HJ70" s="58"/>
      <c r="HK70" s="58"/>
      <c r="HL70" s="58"/>
      <c r="HM70" s="58"/>
      <c r="HN70" s="58"/>
      <c r="HO70" s="58"/>
      <c r="HP70" s="58"/>
      <c r="HQ70" s="58"/>
      <c r="HR70" s="58"/>
      <c r="HS70" s="58"/>
      <c r="HT70" s="58"/>
      <c r="HU70" s="58"/>
      <c r="HV70" s="58"/>
      <c r="HW70" s="58"/>
      <c r="HX70" s="58"/>
      <c r="HY70" s="58"/>
      <c r="HZ70" s="58"/>
      <c r="IA70" s="58"/>
      <c r="IB70" s="58"/>
      <c r="IC70" s="58"/>
      <c r="ID70" s="58"/>
      <c r="IE70" s="58"/>
      <c r="IF70" s="58"/>
      <c r="IG70" s="58"/>
      <c r="IH70" s="58"/>
      <c r="II70" s="58"/>
      <c r="IJ70" s="58"/>
      <c r="IK70" s="58"/>
      <c r="IL70" s="58"/>
      <c r="IM70" s="58"/>
      <c r="IN70" s="58"/>
      <c r="IO70" s="58"/>
      <c r="IP70" s="58"/>
      <c r="IQ70" s="58"/>
    </row>
    <row r="71" spans="1:251" ht="12.75">
      <c r="A71" s="58"/>
      <c r="B71" s="86">
        <v>43</v>
      </c>
      <c r="C71" s="87" t="s">
        <v>254</v>
      </c>
      <c r="D71" s="87">
        <v>0</v>
      </c>
      <c r="E71" s="87">
        <v>0</v>
      </c>
      <c r="F71" s="58"/>
      <c r="G71" s="58"/>
      <c r="H71" s="58"/>
      <c r="I71" s="58"/>
      <c r="J71" s="58"/>
      <c r="K71" s="58"/>
      <c r="L71" s="58"/>
      <c r="M71" s="58"/>
      <c r="N71" s="58"/>
      <c r="O71" s="58"/>
      <c r="P71" s="58"/>
      <c r="Q71" s="58"/>
      <c r="R71" s="58"/>
      <c r="S71" s="58"/>
      <c r="T71" s="58"/>
      <c r="U71" s="58"/>
      <c r="V71" s="58"/>
      <c r="W71" s="58"/>
      <c r="X71" s="58"/>
      <c r="Y71" s="58"/>
      <c r="Z71" s="58"/>
      <c r="AA71" s="58"/>
      <c r="AB71" s="58"/>
      <c r="AC71" s="58"/>
      <c r="AD71" s="58"/>
      <c r="AE71" s="58"/>
      <c r="AF71" s="58"/>
      <c r="AG71" s="58"/>
      <c r="AH71" s="58"/>
      <c r="AI71" s="58"/>
      <c r="AJ71" s="58"/>
      <c r="AK71" s="58"/>
      <c r="AL71" s="58"/>
      <c r="AM71" s="58"/>
      <c r="AN71" s="58"/>
      <c r="AO71" s="58"/>
      <c r="AP71" s="58"/>
      <c r="AQ71" s="58"/>
      <c r="AR71" s="58"/>
      <c r="AS71" s="58"/>
      <c r="AT71" s="58"/>
      <c r="AU71" s="58"/>
      <c r="AV71" s="58"/>
      <c r="AW71" s="58"/>
      <c r="AX71" s="58"/>
      <c r="AY71" s="58"/>
      <c r="AZ71" s="58"/>
      <c r="BA71" s="58"/>
      <c r="BB71" s="58"/>
      <c r="BC71" s="58"/>
      <c r="BD71" s="58"/>
      <c r="BE71" s="58"/>
      <c r="BF71" s="58"/>
      <c r="BG71" s="58"/>
      <c r="BH71" s="58"/>
      <c r="BI71" s="58"/>
      <c r="BJ71" s="58"/>
      <c r="BK71" s="58"/>
      <c r="BL71" s="58"/>
      <c r="BM71" s="58"/>
      <c r="BN71" s="58"/>
      <c r="BO71" s="58"/>
      <c r="BP71" s="58"/>
      <c r="BQ71" s="58"/>
      <c r="BR71" s="58"/>
      <c r="BS71" s="58"/>
      <c r="BT71" s="58"/>
      <c r="BU71" s="58"/>
      <c r="BV71" s="58"/>
      <c r="BW71" s="58"/>
      <c r="BX71" s="58"/>
      <c r="BY71" s="58"/>
      <c r="BZ71" s="58"/>
      <c r="CA71" s="58"/>
      <c r="CB71" s="58"/>
      <c r="CC71" s="58"/>
      <c r="CD71" s="58"/>
      <c r="CE71" s="58"/>
      <c r="CF71" s="58"/>
      <c r="CG71" s="58"/>
      <c r="CH71" s="58"/>
      <c r="CI71" s="58"/>
      <c r="CJ71" s="58"/>
      <c r="CK71" s="58"/>
      <c r="CL71" s="58"/>
      <c r="CM71" s="58"/>
      <c r="CN71" s="58"/>
      <c r="CO71" s="58"/>
      <c r="CP71" s="58"/>
      <c r="CQ71" s="58"/>
      <c r="CR71" s="58"/>
      <c r="CS71" s="58"/>
      <c r="CT71" s="58"/>
      <c r="CU71" s="58"/>
      <c r="CV71" s="58"/>
      <c r="CW71" s="58"/>
      <c r="CX71" s="58"/>
      <c r="CY71" s="58"/>
      <c r="CZ71" s="58"/>
      <c r="DA71" s="58"/>
      <c r="DB71" s="58"/>
      <c r="DC71" s="58"/>
      <c r="DD71" s="58"/>
      <c r="DE71" s="58"/>
      <c r="DF71" s="58"/>
      <c r="DG71" s="58"/>
      <c r="DH71" s="58"/>
      <c r="DI71" s="58"/>
      <c r="DJ71" s="58"/>
      <c r="DK71" s="58"/>
      <c r="DL71" s="58"/>
      <c r="DM71" s="58"/>
      <c r="DN71" s="58"/>
      <c r="DO71" s="58"/>
      <c r="DP71" s="58"/>
      <c r="DQ71" s="58"/>
      <c r="DR71" s="58"/>
      <c r="DS71" s="58"/>
      <c r="DT71" s="58"/>
      <c r="DU71" s="58"/>
      <c r="DV71" s="58"/>
      <c r="DW71" s="58"/>
      <c r="DX71" s="58"/>
      <c r="DY71" s="58"/>
      <c r="DZ71" s="58"/>
      <c r="EA71" s="58"/>
      <c r="EB71" s="58"/>
      <c r="EC71" s="58"/>
      <c r="ED71" s="58"/>
      <c r="EE71" s="58"/>
      <c r="EF71" s="58"/>
      <c r="EG71" s="58"/>
      <c r="EH71" s="58"/>
      <c r="EI71" s="58"/>
      <c r="EJ71" s="58"/>
      <c r="EK71" s="58"/>
      <c r="EL71" s="58"/>
      <c r="EM71" s="58"/>
      <c r="EN71" s="58"/>
      <c r="EO71" s="58"/>
      <c r="EP71" s="58"/>
      <c r="EQ71" s="58"/>
      <c r="ER71" s="58"/>
      <c r="ES71" s="58"/>
      <c r="ET71" s="58"/>
      <c r="EU71" s="58"/>
      <c r="EV71" s="58"/>
      <c r="EW71" s="58"/>
      <c r="EX71" s="58"/>
      <c r="EY71" s="58"/>
      <c r="EZ71" s="58"/>
      <c r="FA71" s="58"/>
      <c r="FB71" s="58"/>
      <c r="FC71" s="58"/>
      <c r="FD71" s="58"/>
      <c r="FE71" s="58"/>
      <c r="FF71" s="58"/>
      <c r="FG71" s="58"/>
      <c r="FH71" s="58"/>
      <c r="FI71" s="58"/>
      <c r="FJ71" s="58"/>
      <c r="FK71" s="58"/>
      <c r="FL71" s="58"/>
      <c r="FM71" s="58"/>
      <c r="FN71" s="58"/>
      <c r="FO71" s="58"/>
      <c r="FP71" s="58"/>
      <c r="FQ71" s="58"/>
      <c r="FR71" s="58"/>
      <c r="FS71" s="58"/>
      <c r="FT71" s="58"/>
      <c r="FU71" s="58"/>
      <c r="FV71" s="58"/>
      <c r="FW71" s="58"/>
      <c r="FX71" s="58"/>
      <c r="FY71" s="58"/>
      <c r="FZ71" s="58"/>
      <c r="GA71" s="58"/>
      <c r="GB71" s="58"/>
      <c r="GC71" s="58"/>
      <c r="GD71" s="58"/>
      <c r="GE71" s="58"/>
      <c r="GF71" s="58"/>
      <c r="GG71" s="58"/>
      <c r="GH71" s="58"/>
      <c r="GI71" s="58"/>
      <c r="GJ71" s="58"/>
      <c r="GK71" s="58"/>
      <c r="GL71" s="58"/>
      <c r="GM71" s="58"/>
      <c r="GN71" s="58"/>
      <c r="GO71" s="58"/>
      <c r="GP71" s="58"/>
      <c r="GQ71" s="58"/>
      <c r="GR71" s="58"/>
      <c r="GS71" s="58"/>
      <c r="GT71" s="58"/>
      <c r="GU71" s="58"/>
      <c r="GV71" s="58"/>
      <c r="GW71" s="58"/>
      <c r="GX71" s="58"/>
      <c r="GY71" s="58"/>
      <c r="GZ71" s="58"/>
      <c r="HA71" s="58"/>
      <c r="HB71" s="58"/>
      <c r="HC71" s="58"/>
      <c r="HD71" s="58"/>
      <c r="HE71" s="58"/>
      <c r="HF71" s="58"/>
      <c r="HG71" s="58"/>
      <c r="HH71" s="58"/>
      <c r="HI71" s="58"/>
      <c r="HJ71" s="58"/>
      <c r="HK71" s="58"/>
      <c r="HL71" s="58"/>
      <c r="HM71" s="58"/>
      <c r="HN71" s="58"/>
      <c r="HO71" s="58"/>
      <c r="HP71" s="58"/>
      <c r="HQ71" s="58"/>
      <c r="HR71" s="58"/>
      <c r="HS71" s="58"/>
      <c r="HT71" s="58"/>
      <c r="HU71" s="58"/>
      <c r="HV71" s="58"/>
      <c r="HW71" s="58"/>
      <c r="HX71" s="58"/>
      <c r="HY71" s="58"/>
      <c r="HZ71" s="58"/>
      <c r="IA71" s="58"/>
      <c r="IB71" s="58"/>
      <c r="IC71" s="58"/>
      <c r="ID71" s="58"/>
      <c r="IE71" s="58"/>
      <c r="IF71" s="58"/>
      <c r="IG71" s="58"/>
      <c r="IH71" s="58"/>
      <c r="II71" s="58"/>
      <c r="IJ71" s="58"/>
      <c r="IK71" s="58"/>
      <c r="IL71" s="58"/>
      <c r="IM71" s="58"/>
      <c r="IN71" s="58"/>
      <c r="IO71" s="58"/>
      <c r="IP71" s="58"/>
      <c r="IQ71" s="58"/>
    </row>
    <row r="72" spans="1:251" ht="12.75">
      <c r="A72" s="58"/>
      <c r="B72" s="75">
        <v>44</v>
      </c>
      <c r="C72" s="81" t="s">
        <v>255</v>
      </c>
      <c r="D72" s="81">
        <v>19131.900000000001</v>
      </c>
      <c r="E72" s="81">
        <v>14738</v>
      </c>
      <c r="F72" s="58"/>
      <c r="G72" s="58"/>
      <c r="H72" s="58"/>
      <c r="I72" s="58"/>
      <c r="J72" s="58"/>
      <c r="K72" s="58"/>
      <c r="L72" s="58"/>
      <c r="M72" s="58"/>
      <c r="N72" s="58"/>
      <c r="O72" s="58"/>
      <c r="P72" s="58"/>
      <c r="Q72" s="58"/>
      <c r="R72" s="58"/>
      <c r="S72" s="58"/>
      <c r="T72" s="58"/>
      <c r="U72" s="58"/>
      <c r="V72" s="58"/>
      <c r="W72" s="58"/>
      <c r="X72" s="58"/>
      <c r="Y72" s="58"/>
      <c r="Z72" s="58"/>
      <c r="AA72" s="58"/>
      <c r="AB72" s="58"/>
      <c r="AC72" s="58"/>
      <c r="AD72" s="58"/>
      <c r="AE72" s="58"/>
      <c r="AF72" s="58"/>
      <c r="AG72" s="58"/>
      <c r="AH72" s="58"/>
      <c r="AI72" s="58"/>
      <c r="AJ72" s="58"/>
      <c r="AK72" s="58"/>
      <c r="AL72" s="58"/>
      <c r="AM72" s="58"/>
      <c r="AN72" s="58"/>
      <c r="AO72" s="58"/>
      <c r="AP72" s="58"/>
      <c r="AQ72" s="58"/>
      <c r="AR72" s="58"/>
      <c r="AS72" s="58"/>
      <c r="AT72" s="58"/>
      <c r="AU72" s="58"/>
      <c r="AV72" s="58"/>
      <c r="AW72" s="58"/>
      <c r="AX72" s="58"/>
      <c r="AY72" s="58"/>
      <c r="AZ72" s="58"/>
      <c r="BA72" s="58"/>
      <c r="BB72" s="58"/>
      <c r="BC72" s="58"/>
      <c r="BD72" s="58"/>
      <c r="BE72" s="58"/>
      <c r="BF72" s="58"/>
      <c r="BG72" s="58"/>
      <c r="BH72" s="58"/>
      <c r="BI72" s="58"/>
      <c r="BJ72" s="58"/>
      <c r="BK72" s="58"/>
      <c r="BL72" s="58"/>
      <c r="BM72" s="58"/>
      <c r="BN72" s="58"/>
      <c r="BO72" s="58"/>
      <c r="BP72" s="58"/>
      <c r="BQ72" s="58"/>
      <c r="BR72" s="58"/>
      <c r="BS72" s="58"/>
      <c r="BT72" s="58"/>
      <c r="BU72" s="58"/>
      <c r="BV72" s="58"/>
      <c r="BW72" s="58"/>
      <c r="BX72" s="58"/>
      <c r="BY72" s="58"/>
      <c r="BZ72" s="58"/>
      <c r="CA72" s="58"/>
      <c r="CB72" s="58"/>
      <c r="CC72" s="58"/>
      <c r="CD72" s="58"/>
      <c r="CE72" s="58"/>
      <c r="CF72" s="58"/>
      <c r="CG72" s="58"/>
      <c r="CH72" s="58"/>
      <c r="CI72" s="58"/>
      <c r="CJ72" s="58"/>
      <c r="CK72" s="58"/>
      <c r="CL72" s="58"/>
      <c r="CM72" s="58"/>
      <c r="CN72" s="58"/>
      <c r="CO72" s="58"/>
      <c r="CP72" s="58"/>
      <c r="CQ72" s="58"/>
      <c r="CR72" s="58"/>
      <c r="CS72" s="58"/>
      <c r="CT72" s="58"/>
      <c r="CU72" s="58"/>
      <c r="CV72" s="58"/>
      <c r="CW72" s="58"/>
      <c r="CX72" s="58"/>
      <c r="CY72" s="58"/>
      <c r="CZ72" s="58"/>
      <c r="DA72" s="58"/>
      <c r="DB72" s="58"/>
      <c r="DC72" s="58"/>
      <c r="DD72" s="58"/>
      <c r="DE72" s="58"/>
      <c r="DF72" s="58"/>
      <c r="DG72" s="58"/>
      <c r="DH72" s="58"/>
      <c r="DI72" s="58"/>
      <c r="DJ72" s="58"/>
      <c r="DK72" s="58"/>
      <c r="DL72" s="58"/>
      <c r="DM72" s="58"/>
      <c r="DN72" s="58"/>
      <c r="DO72" s="58"/>
      <c r="DP72" s="58"/>
      <c r="DQ72" s="58"/>
      <c r="DR72" s="58"/>
      <c r="DS72" s="58"/>
      <c r="DT72" s="58"/>
      <c r="DU72" s="58"/>
      <c r="DV72" s="58"/>
      <c r="DW72" s="58"/>
      <c r="DX72" s="58"/>
      <c r="DY72" s="58"/>
      <c r="DZ72" s="58"/>
      <c r="EA72" s="58"/>
      <c r="EB72" s="58"/>
      <c r="EC72" s="58"/>
      <c r="ED72" s="58"/>
      <c r="EE72" s="58"/>
      <c r="EF72" s="58"/>
      <c r="EG72" s="58"/>
      <c r="EH72" s="58"/>
      <c r="EI72" s="58"/>
      <c r="EJ72" s="58"/>
      <c r="EK72" s="58"/>
      <c r="EL72" s="58"/>
      <c r="EM72" s="58"/>
      <c r="EN72" s="58"/>
      <c r="EO72" s="58"/>
      <c r="EP72" s="58"/>
      <c r="EQ72" s="58"/>
      <c r="ER72" s="58"/>
      <c r="ES72" s="58"/>
      <c r="ET72" s="58"/>
      <c r="EU72" s="58"/>
      <c r="EV72" s="58"/>
      <c r="EW72" s="58"/>
      <c r="EX72" s="58"/>
      <c r="EY72" s="58"/>
      <c r="EZ72" s="58"/>
      <c r="FA72" s="58"/>
      <c r="FB72" s="58"/>
      <c r="FC72" s="58"/>
      <c r="FD72" s="58"/>
      <c r="FE72" s="58"/>
      <c r="FF72" s="58"/>
      <c r="FG72" s="58"/>
      <c r="FH72" s="58"/>
      <c r="FI72" s="58"/>
      <c r="FJ72" s="58"/>
      <c r="FK72" s="58"/>
      <c r="FL72" s="58"/>
      <c r="FM72" s="58"/>
      <c r="FN72" s="58"/>
      <c r="FO72" s="58"/>
      <c r="FP72" s="58"/>
      <c r="FQ72" s="58"/>
      <c r="FR72" s="58"/>
      <c r="FS72" s="58"/>
      <c r="FT72" s="58"/>
      <c r="FU72" s="58"/>
      <c r="FV72" s="58"/>
      <c r="FW72" s="58"/>
      <c r="FX72" s="58"/>
      <c r="FY72" s="58"/>
      <c r="FZ72" s="58"/>
      <c r="GA72" s="58"/>
      <c r="GB72" s="58"/>
      <c r="GC72" s="58"/>
      <c r="GD72" s="58"/>
      <c r="GE72" s="58"/>
      <c r="GF72" s="58"/>
      <c r="GG72" s="58"/>
      <c r="GH72" s="58"/>
      <c r="GI72" s="58"/>
      <c r="GJ72" s="58"/>
      <c r="GK72" s="58"/>
      <c r="GL72" s="58"/>
      <c r="GM72" s="58"/>
      <c r="GN72" s="58"/>
      <c r="GO72" s="58"/>
      <c r="GP72" s="58"/>
      <c r="GQ72" s="58"/>
      <c r="GR72" s="58"/>
      <c r="GS72" s="58"/>
      <c r="GT72" s="58"/>
      <c r="GU72" s="58"/>
      <c r="GV72" s="58"/>
      <c r="GW72" s="58"/>
      <c r="GX72" s="58"/>
      <c r="GY72" s="58"/>
      <c r="GZ72" s="58"/>
      <c r="HA72" s="58"/>
      <c r="HB72" s="58"/>
      <c r="HC72" s="58"/>
      <c r="HD72" s="58"/>
      <c r="HE72" s="58"/>
      <c r="HF72" s="58"/>
      <c r="HG72" s="58"/>
      <c r="HH72" s="58"/>
      <c r="HI72" s="58"/>
      <c r="HJ72" s="58"/>
      <c r="HK72" s="58"/>
      <c r="HL72" s="58"/>
      <c r="HM72" s="58"/>
      <c r="HN72" s="58"/>
      <c r="HO72" s="58"/>
      <c r="HP72" s="58"/>
      <c r="HQ72" s="58"/>
      <c r="HR72" s="58"/>
      <c r="HS72" s="58"/>
      <c r="HT72" s="58"/>
      <c r="HU72" s="58"/>
      <c r="HV72" s="58"/>
      <c r="HW72" s="58"/>
      <c r="HX72" s="58"/>
      <c r="HY72" s="58"/>
      <c r="HZ72" s="58"/>
      <c r="IA72" s="58"/>
      <c r="IB72" s="58"/>
      <c r="IC72" s="58"/>
      <c r="ID72" s="58"/>
      <c r="IE72" s="58"/>
      <c r="IF72" s="58"/>
      <c r="IG72" s="58"/>
      <c r="IH72" s="58"/>
      <c r="II72" s="58"/>
      <c r="IJ72" s="58"/>
      <c r="IK72" s="58"/>
      <c r="IL72" s="58"/>
      <c r="IM72" s="58"/>
      <c r="IN72" s="58"/>
      <c r="IO72" s="58"/>
      <c r="IP72" s="58"/>
      <c r="IQ72" s="58"/>
    </row>
    <row r="73" spans="1:251" ht="12.75">
      <c r="A73" s="58"/>
      <c r="B73" s="75">
        <v>45</v>
      </c>
      <c r="C73" s="81" t="s">
        <v>256</v>
      </c>
      <c r="D73" s="81">
        <v>135945.20000000001</v>
      </c>
      <c r="E73" s="81">
        <v>129157</v>
      </c>
      <c r="F73" s="58"/>
      <c r="G73" s="58"/>
      <c r="H73" s="58"/>
      <c r="I73" s="58"/>
      <c r="J73" s="58"/>
      <c r="K73" s="58"/>
      <c r="L73" s="58"/>
      <c r="M73" s="58"/>
      <c r="N73" s="58"/>
      <c r="O73" s="58"/>
      <c r="P73" s="58"/>
      <c r="Q73" s="58"/>
      <c r="R73" s="58"/>
      <c r="S73" s="58"/>
      <c r="T73" s="58"/>
      <c r="U73" s="58"/>
      <c r="V73" s="58"/>
      <c r="W73" s="58"/>
      <c r="X73" s="58"/>
      <c r="Y73" s="58"/>
      <c r="Z73" s="58"/>
      <c r="AA73" s="58"/>
      <c r="AB73" s="58"/>
      <c r="AC73" s="58"/>
      <c r="AD73" s="58"/>
      <c r="AE73" s="58"/>
      <c r="AF73" s="58"/>
      <c r="AG73" s="58"/>
      <c r="AH73" s="58"/>
      <c r="AI73" s="58"/>
      <c r="AJ73" s="58"/>
      <c r="AK73" s="58"/>
      <c r="AL73" s="58"/>
      <c r="AM73" s="58"/>
      <c r="AN73" s="58"/>
      <c r="AO73" s="58"/>
      <c r="AP73" s="58"/>
      <c r="AQ73" s="58"/>
      <c r="AR73" s="58"/>
      <c r="AS73" s="58"/>
      <c r="AT73" s="58"/>
      <c r="AU73" s="58"/>
      <c r="AV73" s="58"/>
      <c r="AW73" s="58"/>
      <c r="AX73" s="58"/>
      <c r="AY73" s="58"/>
      <c r="AZ73" s="58"/>
      <c r="BA73" s="58"/>
      <c r="BB73" s="58"/>
      <c r="BC73" s="58"/>
      <c r="BD73" s="58"/>
      <c r="BE73" s="58"/>
      <c r="BF73" s="58"/>
      <c r="BG73" s="58"/>
      <c r="BH73" s="58"/>
      <c r="BI73" s="58"/>
      <c r="BJ73" s="58"/>
      <c r="BK73" s="58"/>
      <c r="BL73" s="58"/>
      <c r="BM73" s="58"/>
      <c r="BN73" s="58"/>
      <c r="BO73" s="58"/>
      <c r="BP73" s="58"/>
      <c r="BQ73" s="58"/>
      <c r="BR73" s="58"/>
      <c r="BS73" s="58"/>
      <c r="BT73" s="58"/>
      <c r="BU73" s="58"/>
      <c r="BV73" s="58"/>
      <c r="BW73" s="58"/>
      <c r="BX73" s="58"/>
      <c r="BY73" s="58"/>
      <c r="BZ73" s="58"/>
      <c r="CA73" s="58"/>
      <c r="CB73" s="58"/>
      <c r="CC73" s="58"/>
      <c r="CD73" s="58"/>
      <c r="CE73" s="58"/>
      <c r="CF73" s="58"/>
      <c r="CG73" s="58"/>
      <c r="CH73" s="58"/>
      <c r="CI73" s="58"/>
      <c r="CJ73" s="58"/>
      <c r="CK73" s="58"/>
      <c r="CL73" s="58"/>
      <c r="CM73" s="58"/>
      <c r="CN73" s="58"/>
      <c r="CO73" s="58"/>
      <c r="CP73" s="58"/>
      <c r="CQ73" s="58"/>
      <c r="CR73" s="58"/>
      <c r="CS73" s="58"/>
      <c r="CT73" s="58"/>
      <c r="CU73" s="58"/>
      <c r="CV73" s="58"/>
      <c r="CW73" s="58"/>
      <c r="CX73" s="58"/>
      <c r="CY73" s="58"/>
      <c r="CZ73" s="58"/>
      <c r="DA73" s="58"/>
      <c r="DB73" s="58"/>
      <c r="DC73" s="58"/>
      <c r="DD73" s="58"/>
      <c r="DE73" s="58"/>
      <c r="DF73" s="58"/>
      <c r="DG73" s="58"/>
      <c r="DH73" s="58"/>
      <c r="DI73" s="58"/>
      <c r="DJ73" s="58"/>
      <c r="DK73" s="58"/>
      <c r="DL73" s="58"/>
      <c r="DM73" s="58"/>
      <c r="DN73" s="58"/>
      <c r="DO73" s="58"/>
      <c r="DP73" s="58"/>
      <c r="DQ73" s="58"/>
      <c r="DR73" s="58"/>
      <c r="DS73" s="58"/>
      <c r="DT73" s="58"/>
      <c r="DU73" s="58"/>
      <c r="DV73" s="58"/>
      <c r="DW73" s="58"/>
      <c r="DX73" s="58"/>
      <c r="DY73" s="58"/>
      <c r="DZ73" s="58"/>
      <c r="EA73" s="58"/>
      <c r="EB73" s="58"/>
      <c r="EC73" s="58"/>
      <c r="ED73" s="58"/>
      <c r="EE73" s="58"/>
      <c r="EF73" s="58"/>
      <c r="EG73" s="58"/>
      <c r="EH73" s="58"/>
      <c r="EI73" s="58"/>
      <c r="EJ73" s="58"/>
      <c r="EK73" s="58"/>
      <c r="EL73" s="58"/>
      <c r="EM73" s="58"/>
      <c r="EN73" s="58"/>
      <c r="EO73" s="58"/>
      <c r="EP73" s="58"/>
      <c r="EQ73" s="58"/>
      <c r="ER73" s="58"/>
      <c r="ES73" s="58"/>
      <c r="ET73" s="58"/>
      <c r="EU73" s="58"/>
      <c r="EV73" s="58"/>
      <c r="EW73" s="58"/>
      <c r="EX73" s="58"/>
      <c r="EY73" s="58"/>
      <c r="EZ73" s="58"/>
      <c r="FA73" s="58"/>
      <c r="FB73" s="58"/>
      <c r="FC73" s="58"/>
      <c r="FD73" s="58"/>
      <c r="FE73" s="58"/>
      <c r="FF73" s="58"/>
      <c r="FG73" s="58"/>
      <c r="FH73" s="58"/>
      <c r="FI73" s="58"/>
      <c r="FJ73" s="58"/>
      <c r="FK73" s="58"/>
      <c r="FL73" s="58"/>
      <c r="FM73" s="58"/>
      <c r="FN73" s="58"/>
      <c r="FO73" s="58"/>
      <c r="FP73" s="58"/>
      <c r="FQ73" s="58"/>
      <c r="FR73" s="58"/>
      <c r="FS73" s="58"/>
      <c r="FT73" s="58"/>
      <c r="FU73" s="58"/>
      <c r="FV73" s="58"/>
      <c r="FW73" s="58"/>
      <c r="FX73" s="58"/>
      <c r="FY73" s="58"/>
      <c r="FZ73" s="58"/>
      <c r="GA73" s="58"/>
      <c r="GB73" s="58"/>
      <c r="GC73" s="58"/>
      <c r="GD73" s="58"/>
      <c r="GE73" s="58"/>
      <c r="GF73" s="58"/>
      <c r="GG73" s="58"/>
      <c r="GH73" s="58"/>
      <c r="GI73" s="58"/>
      <c r="GJ73" s="58"/>
      <c r="GK73" s="58"/>
      <c r="GL73" s="58"/>
      <c r="GM73" s="58"/>
      <c r="GN73" s="58"/>
      <c r="GO73" s="58"/>
      <c r="GP73" s="58"/>
      <c r="GQ73" s="58"/>
      <c r="GR73" s="58"/>
      <c r="GS73" s="58"/>
      <c r="GT73" s="58"/>
      <c r="GU73" s="58"/>
      <c r="GV73" s="58"/>
      <c r="GW73" s="58"/>
      <c r="GX73" s="58"/>
      <c r="GY73" s="58"/>
      <c r="GZ73" s="58"/>
      <c r="HA73" s="58"/>
      <c r="HB73" s="58"/>
      <c r="HC73" s="58"/>
      <c r="HD73" s="58"/>
      <c r="HE73" s="58"/>
      <c r="HF73" s="58"/>
      <c r="HG73" s="58"/>
      <c r="HH73" s="58"/>
      <c r="HI73" s="58"/>
      <c r="HJ73" s="58"/>
      <c r="HK73" s="58"/>
      <c r="HL73" s="58"/>
      <c r="HM73" s="58"/>
      <c r="HN73" s="58"/>
      <c r="HO73" s="58"/>
      <c r="HP73" s="58"/>
      <c r="HQ73" s="58"/>
      <c r="HR73" s="58"/>
      <c r="HS73" s="58"/>
      <c r="HT73" s="58"/>
      <c r="HU73" s="58"/>
      <c r="HV73" s="58"/>
      <c r="HW73" s="58"/>
      <c r="HX73" s="58"/>
      <c r="HY73" s="58"/>
      <c r="HZ73" s="58"/>
      <c r="IA73" s="58"/>
      <c r="IB73" s="58"/>
      <c r="IC73" s="58"/>
      <c r="ID73" s="58"/>
      <c r="IE73" s="58"/>
      <c r="IF73" s="58"/>
      <c r="IG73" s="58"/>
      <c r="IH73" s="58"/>
      <c r="II73" s="58"/>
      <c r="IJ73" s="58"/>
      <c r="IK73" s="58"/>
      <c r="IL73" s="58"/>
      <c r="IM73" s="58"/>
      <c r="IN73" s="58"/>
      <c r="IO73" s="58"/>
      <c r="IP73" s="58"/>
      <c r="IQ73" s="58"/>
    </row>
    <row r="74" spans="1:251" ht="12.75">
      <c r="A74" s="58"/>
      <c r="B74" s="72" t="s">
        <v>257</v>
      </c>
      <c r="C74" s="73"/>
      <c r="D74" s="73"/>
      <c r="E74" s="73"/>
      <c r="F74" s="58"/>
      <c r="G74" s="58"/>
      <c r="H74" s="58"/>
      <c r="I74" s="58"/>
      <c r="J74" s="58"/>
      <c r="K74" s="58"/>
      <c r="L74" s="58"/>
      <c r="M74" s="58"/>
      <c r="N74" s="58"/>
      <c r="O74" s="58"/>
      <c r="P74" s="58"/>
      <c r="Q74" s="58"/>
      <c r="R74" s="58"/>
      <c r="S74" s="58"/>
      <c r="T74" s="58"/>
      <c r="U74" s="58"/>
      <c r="V74" s="58"/>
      <c r="W74" s="58"/>
      <c r="X74" s="58"/>
      <c r="Y74" s="58"/>
      <c r="Z74" s="58"/>
      <c r="AA74" s="58"/>
      <c r="AB74" s="58"/>
      <c r="AC74" s="58"/>
      <c r="AD74" s="58"/>
      <c r="AE74" s="58"/>
      <c r="AF74" s="58"/>
      <c r="AG74" s="58"/>
      <c r="AH74" s="58"/>
      <c r="AI74" s="58"/>
      <c r="AJ74" s="58"/>
      <c r="AK74" s="58"/>
      <c r="AL74" s="58"/>
      <c r="AM74" s="58"/>
      <c r="AN74" s="58"/>
      <c r="AO74" s="58"/>
      <c r="AP74" s="58"/>
      <c r="AQ74" s="58"/>
      <c r="AR74" s="58"/>
      <c r="AS74" s="58"/>
      <c r="AT74" s="58"/>
      <c r="AU74" s="58"/>
      <c r="AV74" s="58"/>
      <c r="AW74" s="58"/>
      <c r="AX74" s="58"/>
      <c r="AY74" s="58"/>
      <c r="AZ74" s="58"/>
      <c r="BA74" s="58"/>
      <c r="BB74" s="58"/>
      <c r="BC74" s="58"/>
      <c r="BD74" s="58"/>
      <c r="BE74" s="58"/>
      <c r="BF74" s="58"/>
      <c r="BG74" s="58"/>
      <c r="BH74" s="58"/>
      <c r="BI74" s="58"/>
      <c r="BJ74" s="58"/>
      <c r="BK74" s="58"/>
      <c r="BL74" s="58"/>
      <c r="BM74" s="58"/>
      <c r="BN74" s="58"/>
      <c r="BO74" s="58"/>
      <c r="BP74" s="58"/>
      <c r="BQ74" s="58"/>
      <c r="BR74" s="58"/>
      <c r="BS74" s="58"/>
      <c r="BT74" s="58"/>
      <c r="BU74" s="58"/>
      <c r="BV74" s="58"/>
      <c r="BW74" s="58"/>
      <c r="BX74" s="58"/>
      <c r="BY74" s="58"/>
      <c r="BZ74" s="58"/>
      <c r="CA74" s="58"/>
      <c r="CB74" s="58"/>
      <c r="CC74" s="58"/>
      <c r="CD74" s="58"/>
      <c r="CE74" s="58"/>
      <c r="CF74" s="58"/>
      <c r="CG74" s="58"/>
      <c r="CH74" s="58"/>
      <c r="CI74" s="58"/>
      <c r="CJ74" s="58"/>
      <c r="CK74" s="58"/>
      <c r="CL74" s="58"/>
      <c r="CM74" s="58"/>
      <c r="CN74" s="58"/>
      <c r="CO74" s="58"/>
      <c r="CP74" s="58"/>
      <c r="CQ74" s="58"/>
      <c r="CR74" s="58"/>
      <c r="CS74" s="58"/>
      <c r="CT74" s="58"/>
      <c r="CU74" s="58"/>
      <c r="CV74" s="58"/>
      <c r="CW74" s="58"/>
      <c r="CX74" s="58"/>
      <c r="CY74" s="58"/>
      <c r="CZ74" s="58"/>
      <c r="DA74" s="58"/>
      <c r="DB74" s="58"/>
      <c r="DC74" s="58"/>
      <c r="DD74" s="58"/>
      <c r="DE74" s="58"/>
      <c r="DF74" s="58"/>
      <c r="DG74" s="58"/>
      <c r="DH74" s="58"/>
      <c r="DI74" s="58"/>
      <c r="DJ74" s="58"/>
      <c r="DK74" s="58"/>
      <c r="DL74" s="58"/>
      <c r="DM74" s="58"/>
      <c r="DN74" s="58"/>
      <c r="DO74" s="58"/>
      <c r="DP74" s="58"/>
      <c r="DQ74" s="58"/>
      <c r="DR74" s="58"/>
      <c r="DS74" s="58"/>
      <c r="DT74" s="58"/>
      <c r="DU74" s="58"/>
      <c r="DV74" s="58"/>
      <c r="DW74" s="58"/>
      <c r="DX74" s="58"/>
      <c r="DY74" s="58"/>
      <c r="DZ74" s="58"/>
      <c r="EA74" s="58"/>
      <c r="EB74" s="58"/>
      <c r="EC74" s="58"/>
      <c r="ED74" s="58"/>
      <c r="EE74" s="58"/>
      <c r="EF74" s="58"/>
      <c r="EG74" s="58"/>
      <c r="EH74" s="58"/>
      <c r="EI74" s="58"/>
      <c r="EJ74" s="58"/>
      <c r="EK74" s="58"/>
      <c r="EL74" s="58"/>
      <c r="EM74" s="58"/>
      <c r="EN74" s="58"/>
      <c r="EO74" s="58"/>
      <c r="EP74" s="58"/>
      <c r="EQ74" s="58"/>
      <c r="ER74" s="58"/>
      <c r="ES74" s="58"/>
      <c r="ET74" s="58"/>
      <c r="EU74" s="58"/>
      <c r="EV74" s="58"/>
      <c r="EW74" s="58"/>
      <c r="EX74" s="58"/>
      <c r="EY74" s="58"/>
      <c r="EZ74" s="58"/>
      <c r="FA74" s="58"/>
      <c r="FB74" s="58"/>
      <c r="FC74" s="58"/>
      <c r="FD74" s="58"/>
      <c r="FE74" s="58"/>
      <c r="FF74" s="58"/>
      <c r="FG74" s="58"/>
      <c r="FH74" s="58"/>
      <c r="FI74" s="58"/>
      <c r="FJ74" s="58"/>
      <c r="FK74" s="58"/>
      <c r="FL74" s="58"/>
      <c r="FM74" s="58"/>
      <c r="FN74" s="58"/>
      <c r="FO74" s="58"/>
      <c r="FP74" s="58"/>
      <c r="FQ74" s="58"/>
      <c r="FR74" s="58"/>
      <c r="FS74" s="58"/>
      <c r="FT74" s="58"/>
      <c r="FU74" s="58"/>
      <c r="FV74" s="58"/>
      <c r="FW74" s="58"/>
      <c r="FX74" s="58"/>
      <c r="FY74" s="58"/>
      <c r="FZ74" s="58"/>
      <c r="GA74" s="58"/>
      <c r="GB74" s="58"/>
      <c r="GC74" s="58"/>
      <c r="GD74" s="58"/>
      <c r="GE74" s="58"/>
      <c r="GF74" s="58"/>
      <c r="GG74" s="58"/>
      <c r="GH74" s="58"/>
      <c r="GI74" s="58"/>
      <c r="GJ74" s="58"/>
      <c r="GK74" s="58"/>
      <c r="GL74" s="58"/>
      <c r="GM74" s="58"/>
      <c r="GN74" s="58"/>
      <c r="GO74" s="58"/>
      <c r="GP74" s="58"/>
      <c r="GQ74" s="58"/>
      <c r="GR74" s="58"/>
      <c r="GS74" s="58"/>
      <c r="GT74" s="58"/>
      <c r="GU74" s="58"/>
      <c r="GV74" s="58"/>
      <c r="GW74" s="58"/>
      <c r="GX74" s="58"/>
      <c r="GY74" s="58"/>
      <c r="GZ74" s="58"/>
      <c r="HA74" s="58"/>
      <c r="HB74" s="58"/>
      <c r="HC74" s="58"/>
      <c r="HD74" s="58"/>
      <c r="HE74" s="58"/>
      <c r="HF74" s="58"/>
      <c r="HG74" s="58"/>
      <c r="HH74" s="58"/>
      <c r="HI74" s="58"/>
      <c r="HJ74" s="58"/>
      <c r="HK74" s="58"/>
      <c r="HL74" s="58"/>
      <c r="HM74" s="58"/>
      <c r="HN74" s="58"/>
      <c r="HO74" s="58"/>
      <c r="HP74" s="58"/>
      <c r="HQ74" s="58"/>
      <c r="HR74" s="58"/>
      <c r="HS74" s="58"/>
      <c r="HT74" s="58"/>
      <c r="HU74" s="58"/>
      <c r="HV74" s="58"/>
      <c r="HW74" s="58"/>
      <c r="HX74" s="58"/>
      <c r="HY74" s="58"/>
      <c r="HZ74" s="58"/>
      <c r="IA74" s="58"/>
      <c r="IB74" s="58"/>
      <c r="IC74" s="58"/>
      <c r="ID74" s="58"/>
      <c r="IE74" s="58"/>
      <c r="IF74" s="58"/>
      <c r="IG74" s="58"/>
      <c r="IH74" s="58"/>
      <c r="II74" s="58"/>
      <c r="IJ74" s="58"/>
      <c r="IK74" s="58"/>
      <c r="IL74" s="58"/>
      <c r="IM74" s="58"/>
      <c r="IN74" s="58"/>
      <c r="IO74" s="58"/>
      <c r="IP74" s="58"/>
      <c r="IQ74" s="58"/>
    </row>
    <row r="75" spans="1:251" ht="12.75">
      <c r="A75" s="58"/>
      <c r="B75" s="74">
        <v>46</v>
      </c>
      <c r="C75" s="73" t="s">
        <v>182</v>
      </c>
      <c r="D75" s="73">
        <v>25018.799999999999</v>
      </c>
      <c r="E75" s="73">
        <v>24851</v>
      </c>
      <c r="F75" s="58"/>
      <c r="G75" s="58"/>
      <c r="H75" s="58"/>
      <c r="I75" s="58"/>
      <c r="J75" s="58"/>
      <c r="K75" s="58"/>
      <c r="L75" s="58"/>
      <c r="M75" s="58"/>
      <c r="N75" s="58"/>
      <c r="O75" s="58"/>
      <c r="P75" s="58"/>
      <c r="Q75" s="58"/>
      <c r="R75" s="58"/>
      <c r="S75" s="58"/>
      <c r="T75" s="58"/>
      <c r="U75" s="58"/>
      <c r="V75" s="58"/>
      <c r="W75" s="58"/>
      <c r="X75" s="58"/>
      <c r="Y75" s="58"/>
      <c r="Z75" s="58"/>
      <c r="AA75" s="58"/>
      <c r="AB75" s="58"/>
      <c r="AC75" s="58"/>
      <c r="AD75" s="58"/>
      <c r="AE75" s="58"/>
      <c r="AF75" s="58"/>
      <c r="AG75" s="58"/>
      <c r="AH75" s="58"/>
      <c r="AI75" s="58"/>
      <c r="AJ75" s="58"/>
      <c r="AK75" s="58"/>
      <c r="AL75" s="58"/>
      <c r="AM75" s="58"/>
      <c r="AN75" s="58"/>
      <c r="AO75" s="58"/>
      <c r="AP75" s="58"/>
      <c r="AQ75" s="58"/>
      <c r="AR75" s="58"/>
      <c r="AS75" s="58"/>
      <c r="AT75" s="58"/>
      <c r="AU75" s="58"/>
      <c r="AV75" s="58"/>
      <c r="AW75" s="58"/>
      <c r="AX75" s="58"/>
      <c r="AY75" s="58"/>
      <c r="AZ75" s="58"/>
      <c r="BA75" s="58"/>
      <c r="BB75" s="58"/>
      <c r="BC75" s="58"/>
      <c r="BD75" s="58"/>
      <c r="BE75" s="58"/>
      <c r="BF75" s="58"/>
      <c r="BG75" s="58"/>
      <c r="BH75" s="58"/>
      <c r="BI75" s="58"/>
      <c r="BJ75" s="58"/>
      <c r="BK75" s="58"/>
      <c r="BL75" s="58"/>
      <c r="BM75" s="58"/>
      <c r="BN75" s="58"/>
      <c r="BO75" s="58"/>
      <c r="BP75" s="58"/>
      <c r="BQ75" s="58"/>
      <c r="BR75" s="58"/>
      <c r="BS75" s="58"/>
      <c r="BT75" s="58"/>
      <c r="BU75" s="58"/>
      <c r="BV75" s="58"/>
      <c r="BW75" s="58"/>
      <c r="BX75" s="58"/>
      <c r="BY75" s="58"/>
      <c r="BZ75" s="58"/>
      <c r="CA75" s="58"/>
      <c r="CB75" s="58"/>
      <c r="CC75" s="58"/>
      <c r="CD75" s="58"/>
      <c r="CE75" s="58"/>
      <c r="CF75" s="58"/>
      <c r="CG75" s="58"/>
      <c r="CH75" s="58"/>
      <c r="CI75" s="58"/>
      <c r="CJ75" s="58"/>
      <c r="CK75" s="58"/>
      <c r="CL75" s="58"/>
      <c r="CM75" s="58"/>
      <c r="CN75" s="58"/>
      <c r="CO75" s="58"/>
      <c r="CP75" s="58"/>
      <c r="CQ75" s="58"/>
      <c r="CR75" s="58"/>
      <c r="CS75" s="58"/>
      <c r="CT75" s="58"/>
      <c r="CU75" s="58"/>
      <c r="CV75" s="58"/>
      <c r="CW75" s="58"/>
      <c r="CX75" s="58"/>
      <c r="CY75" s="58"/>
      <c r="CZ75" s="58"/>
      <c r="DA75" s="58"/>
      <c r="DB75" s="58"/>
      <c r="DC75" s="58"/>
      <c r="DD75" s="58"/>
      <c r="DE75" s="58"/>
      <c r="DF75" s="58"/>
      <c r="DG75" s="58"/>
      <c r="DH75" s="58"/>
      <c r="DI75" s="58"/>
      <c r="DJ75" s="58"/>
      <c r="DK75" s="58"/>
      <c r="DL75" s="58"/>
      <c r="DM75" s="58"/>
      <c r="DN75" s="58"/>
      <c r="DO75" s="58"/>
      <c r="DP75" s="58"/>
      <c r="DQ75" s="58"/>
      <c r="DR75" s="58"/>
      <c r="DS75" s="58"/>
      <c r="DT75" s="58"/>
      <c r="DU75" s="58"/>
      <c r="DV75" s="58"/>
      <c r="DW75" s="58"/>
      <c r="DX75" s="58"/>
      <c r="DY75" s="58"/>
      <c r="DZ75" s="58"/>
      <c r="EA75" s="58"/>
      <c r="EB75" s="58"/>
      <c r="EC75" s="58"/>
      <c r="ED75" s="58"/>
      <c r="EE75" s="58"/>
      <c r="EF75" s="58"/>
      <c r="EG75" s="58"/>
      <c r="EH75" s="58"/>
      <c r="EI75" s="58"/>
      <c r="EJ75" s="58"/>
      <c r="EK75" s="58"/>
      <c r="EL75" s="58"/>
      <c r="EM75" s="58"/>
      <c r="EN75" s="58"/>
      <c r="EO75" s="58"/>
      <c r="EP75" s="58"/>
      <c r="EQ75" s="58"/>
      <c r="ER75" s="58"/>
      <c r="ES75" s="58"/>
      <c r="ET75" s="58"/>
      <c r="EU75" s="58"/>
      <c r="EV75" s="58"/>
      <c r="EW75" s="58"/>
      <c r="EX75" s="58"/>
      <c r="EY75" s="58"/>
      <c r="EZ75" s="58"/>
      <c r="FA75" s="58"/>
      <c r="FB75" s="58"/>
      <c r="FC75" s="58"/>
      <c r="FD75" s="58"/>
      <c r="FE75" s="58"/>
      <c r="FF75" s="58"/>
      <c r="FG75" s="58"/>
      <c r="FH75" s="58"/>
      <c r="FI75" s="58"/>
      <c r="FJ75" s="58"/>
      <c r="FK75" s="58"/>
      <c r="FL75" s="58"/>
      <c r="FM75" s="58"/>
      <c r="FN75" s="58"/>
      <c r="FO75" s="58"/>
      <c r="FP75" s="58"/>
      <c r="FQ75" s="58"/>
      <c r="FR75" s="58"/>
      <c r="FS75" s="58"/>
      <c r="FT75" s="58"/>
      <c r="FU75" s="58"/>
      <c r="FV75" s="58"/>
      <c r="FW75" s="58"/>
      <c r="FX75" s="58"/>
      <c r="FY75" s="58"/>
      <c r="FZ75" s="58"/>
      <c r="GA75" s="58"/>
      <c r="GB75" s="58"/>
      <c r="GC75" s="58"/>
      <c r="GD75" s="58"/>
      <c r="GE75" s="58"/>
      <c r="GF75" s="58"/>
      <c r="GG75" s="58"/>
      <c r="GH75" s="58"/>
      <c r="GI75" s="58"/>
      <c r="GJ75" s="58"/>
      <c r="GK75" s="58"/>
      <c r="GL75" s="58"/>
      <c r="GM75" s="58"/>
      <c r="GN75" s="58"/>
      <c r="GO75" s="58"/>
      <c r="GP75" s="58"/>
      <c r="GQ75" s="58"/>
      <c r="GR75" s="58"/>
      <c r="GS75" s="58"/>
      <c r="GT75" s="58"/>
      <c r="GU75" s="58"/>
      <c r="GV75" s="58"/>
      <c r="GW75" s="58"/>
      <c r="GX75" s="58"/>
      <c r="GY75" s="58"/>
      <c r="GZ75" s="58"/>
      <c r="HA75" s="58"/>
      <c r="HB75" s="58"/>
      <c r="HC75" s="58"/>
      <c r="HD75" s="58"/>
      <c r="HE75" s="58"/>
      <c r="HF75" s="58"/>
      <c r="HG75" s="58"/>
      <c r="HH75" s="58"/>
      <c r="HI75" s="58"/>
      <c r="HJ75" s="58"/>
      <c r="HK75" s="58"/>
      <c r="HL75" s="58"/>
      <c r="HM75" s="58"/>
      <c r="HN75" s="58"/>
      <c r="HO75" s="58"/>
      <c r="HP75" s="58"/>
      <c r="HQ75" s="58"/>
      <c r="HR75" s="58"/>
      <c r="HS75" s="58"/>
      <c r="HT75" s="58"/>
      <c r="HU75" s="58"/>
      <c r="HV75" s="58"/>
      <c r="HW75" s="58"/>
      <c r="HX75" s="58"/>
      <c r="HY75" s="58"/>
      <c r="HZ75" s="58"/>
      <c r="IA75" s="58"/>
      <c r="IB75" s="58"/>
      <c r="IC75" s="58"/>
      <c r="ID75" s="58"/>
      <c r="IE75" s="58"/>
      <c r="IF75" s="58"/>
      <c r="IG75" s="58"/>
      <c r="IH75" s="58"/>
      <c r="II75" s="58"/>
      <c r="IJ75" s="58"/>
      <c r="IK75" s="58"/>
      <c r="IL75" s="58"/>
      <c r="IM75" s="58"/>
      <c r="IN75" s="58"/>
      <c r="IO75" s="58"/>
      <c r="IP75" s="58"/>
      <c r="IQ75" s="58"/>
    </row>
    <row r="76" spans="1:251" ht="26.25" thickBot="1">
      <c r="A76" s="58"/>
      <c r="B76" s="74">
        <v>47</v>
      </c>
      <c r="C76" s="76" t="s">
        <v>258</v>
      </c>
      <c r="D76" s="73"/>
      <c r="E76" s="73"/>
      <c r="F76" s="58"/>
      <c r="G76" s="58"/>
      <c r="H76" s="58"/>
      <c r="I76" s="58"/>
      <c r="J76" s="58"/>
      <c r="K76" s="58"/>
      <c r="L76" s="58"/>
      <c r="M76" s="58"/>
      <c r="N76" s="58"/>
      <c r="O76" s="58"/>
      <c r="P76" s="58"/>
      <c r="Q76" s="58"/>
      <c r="R76" s="58"/>
      <c r="S76" s="58"/>
      <c r="T76" s="58"/>
      <c r="U76" s="58"/>
      <c r="V76" s="58"/>
      <c r="W76" s="58"/>
      <c r="X76" s="58"/>
      <c r="Y76" s="58"/>
      <c r="Z76" s="58"/>
      <c r="AA76" s="58"/>
      <c r="AB76" s="58"/>
      <c r="AC76" s="58"/>
      <c r="AD76" s="58"/>
      <c r="AE76" s="58"/>
      <c r="AF76" s="58"/>
      <c r="AG76" s="58"/>
      <c r="AH76" s="58"/>
      <c r="AI76" s="58"/>
      <c r="AJ76" s="58"/>
      <c r="AK76" s="58"/>
      <c r="AL76" s="58"/>
      <c r="AM76" s="58"/>
      <c r="AN76" s="58"/>
      <c r="AO76" s="58"/>
      <c r="AP76" s="58"/>
      <c r="AQ76" s="58"/>
      <c r="AR76" s="58"/>
      <c r="AS76" s="58"/>
      <c r="AT76" s="58"/>
      <c r="AU76" s="58"/>
      <c r="AV76" s="58"/>
      <c r="AW76" s="58"/>
      <c r="AX76" s="58"/>
      <c r="AY76" s="58"/>
      <c r="AZ76" s="58"/>
      <c r="BA76" s="58"/>
      <c r="BB76" s="58"/>
      <c r="BC76" s="58"/>
      <c r="BD76" s="58"/>
      <c r="BE76" s="58"/>
      <c r="BF76" s="58"/>
      <c r="BG76" s="58"/>
      <c r="BH76" s="58"/>
      <c r="BI76" s="58"/>
      <c r="BJ76" s="58"/>
      <c r="BK76" s="58"/>
      <c r="BL76" s="58"/>
      <c r="BM76" s="58"/>
      <c r="BN76" s="58"/>
      <c r="BO76" s="58"/>
      <c r="BP76" s="58"/>
      <c r="BQ76" s="58"/>
      <c r="BR76" s="58"/>
      <c r="BS76" s="58"/>
      <c r="BT76" s="58"/>
      <c r="BU76" s="58"/>
      <c r="BV76" s="58"/>
      <c r="BW76" s="58"/>
      <c r="BX76" s="58"/>
      <c r="BY76" s="58"/>
      <c r="BZ76" s="58"/>
      <c r="CA76" s="58"/>
      <c r="CB76" s="58"/>
      <c r="CC76" s="58"/>
      <c r="CD76" s="58"/>
      <c r="CE76" s="58"/>
      <c r="CF76" s="58"/>
      <c r="CG76" s="58"/>
      <c r="CH76" s="58"/>
      <c r="CI76" s="58"/>
      <c r="CJ76" s="58"/>
      <c r="CK76" s="58"/>
      <c r="CL76" s="58"/>
      <c r="CM76" s="58"/>
      <c r="CN76" s="58"/>
      <c r="CO76" s="58"/>
      <c r="CP76" s="58"/>
      <c r="CQ76" s="58"/>
      <c r="CR76" s="58"/>
      <c r="CS76" s="58"/>
      <c r="CT76" s="58"/>
      <c r="CU76" s="58"/>
      <c r="CV76" s="58"/>
      <c r="CW76" s="58"/>
      <c r="CX76" s="58"/>
      <c r="CY76" s="58"/>
      <c r="CZ76" s="58"/>
      <c r="DA76" s="58"/>
      <c r="DB76" s="58"/>
      <c r="DC76" s="58"/>
      <c r="DD76" s="58"/>
      <c r="DE76" s="58"/>
      <c r="DF76" s="58"/>
      <c r="DG76" s="58"/>
      <c r="DH76" s="58"/>
      <c r="DI76" s="58"/>
      <c r="DJ76" s="58"/>
      <c r="DK76" s="58"/>
      <c r="DL76" s="58"/>
      <c r="DM76" s="58"/>
      <c r="DN76" s="58"/>
      <c r="DO76" s="58"/>
      <c r="DP76" s="58"/>
      <c r="DQ76" s="58"/>
      <c r="DR76" s="58"/>
      <c r="DS76" s="58"/>
      <c r="DT76" s="58"/>
      <c r="DU76" s="58"/>
      <c r="DV76" s="58"/>
      <c r="DW76" s="58"/>
      <c r="DX76" s="58"/>
      <c r="DY76" s="58"/>
      <c r="DZ76" s="58"/>
      <c r="EA76" s="58"/>
      <c r="EB76" s="58"/>
      <c r="EC76" s="58"/>
      <c r="ED76" s="58"/>
      <c r="EE76" s="58"/>
      <c r="EF76" s="58"/>
      <c r="EG76" s="58"/>
      <c r="EH76" s="58"/>
      <c r="EI76" s="58"/>
      <c r="EJ76" s="58"/>
      <c r="EK76" s="58"/>
      <c r="EL76" s="58"/>
      <c r="EM76" s="58"/>
      <c r="EN76" s="58"/>
      <c r="EO76" s="58"/>
      <c r="EP76" s="58"/>
      <c r="EQ76" s="58"/>
      <c r="ER76" s="58"/>
      <c r="ES76" s="58"/>
      <c r="ET76" s="58"/>
      <c r="EU76" s="58"/>
      <c r="EV76" s="58"/>
      <c r="EW76" s="58"/>
      <c r="EX76" s="58"/>
      <c r="EY76" s="58"/>
      <c r="EZ76" s="58"/>
      <c r="FA76" s="58"/>
      <c r="FB76" s="58"/>
      <c r="FC76" s="58"/>
      <c r="FD76" s="58"/>
      <c r="FE76" s="58"/>
      <c r="FF76" s="58"/>
      <c r="FG76" s="58"/>
      <c r="FH76" s="58"/>
      <c r="FI76" s="58"/>
      <c r="FJ76" s="58"/>
      <c r="FK76" s="58"/>
      <c r="FL76" s="58"/>
      <c r="FM76" s="58"/>
      <c r="FN76" s="58"/>
      <c r="FO76" s="58"/>
      <c r="FP76" s="58"/>
      <c r="FQ76" s="58"/>
      <c r="FR76" s="58"/>
      <c r="FS76" s="58"/>
      <c r="FT76" s="58"/>
      <c r="FU76" s="58"/>
      <c r="FV76" s="58"/>
      <c r="FW76" s="58"/>
      <c r="FX76" s="58"/>
      <c r="FY76" s="58"/>
      <c r="FZ76" s="58"/>
      <c r="GA76" s="58"/>
      <c r="GB76" s="58"/>
      <c r="GC76" s="58"/>
      <c r="GD76" s="58"/>
      <c r="GE76" s="58"/>
      <c r="GF76" s="58"/>
      <c r="GG76" s="58"/>
      <c r="GH76" s="58"/>
      <c r="GI76" s="58"/>
      <c r="GJ76" s="58"/>
      <c r="GK76" s="58"/>
      <c r="GL76" s="58"/>
      <c r="GM76" s="58"/>
      <c r="GN76" s="58"/>
      <c r="GO76" s="58"/>
      <c r="GP76" s="58"/>
      <c r="GQ76" s="58"/>
      <c r="GR76" s="58"/>
      <c r="GS76" s="58"/>
      <c r="GT76" s="58"/>
      <c r="GU76" s="58"/>
      <c r="GV76" s="58"/>
      <c r="GW76" s="58"/>
      <c r="GX76" s="58"/>
      <c r="GY76" s="58"/>
      <c r="GZ76" s="58"/>
      <c r="HA76" s="58"/>
      <c r="HB76" s="58"/>
      <c r="HC76" s="58"/>
      <c r="HD76" s="58"/>
      <c r="HE76" s="58"/>
      <c r="HF76" s="58"/>
      <c r="HG76" s="58"/>
      <c r="HH76" s="58"/>
      <c r="HI76" s="58"/>
      <c r="HJ76" s="58"/>
      <c r="HK76" s="58"/>
      <c r="HL76" s="58"/>
      <c r="HM76" s="58"/>
      <c r="HN76" s="58"/>
      <c r="HO76" s="58"/>
      <c r="HP76" s="58"/>
      <c r="HQ76" s="58"/>
      <c r="HR76" s="58"/>
      <c r="HS76" s="58"/>
      <c r="HT76" s="58"/>
      <c r="HU76" s="58"/>
      <c r="HV76" s="58"/>
      <c r="HW76" s="58"/>
      <c r="HX76" s="58"/>
      <c r="HY76" s="58"/>
      <c r="HZ76" s="58"/>
      <c r="IA76" s="58"/>
      <c r="IB76" s="58"/>
      <c r="IC76" s="58"/>
      <c r="ID76" s="58"/>
      <c r="IE76" s="58"/>
      <c r="IF76" s="58"/>
      <c r="IG76" s="58"/>
      <c r="IH76" s="58"/>
      <c r="II76" s="58"/>
      <c r="IJ76" s="58"/>
      <c r="IK76" s="58"/>
      <c r="IL76" s="58"/>
      <c r="IM76" s="58"/>
      <c r="IN76" s="58"/>
      <c r="IO76" s="58"/>
      <c r="IP76" s="58"/>
      <c r="IQ76" s="58"/>
    </row>
    <row r="77" spans="1:251" ht="13.5" thickBot="1">
      <c r="A77" s="58"/>
      <c r="B77" s="79"/>
      <c r="C77" s="80" t="s">
        <v>259</v>
      </c>
      <c r="D77" s="73"/>
      <c r="E77" s="73"/>
      <c r="F77" s="58"/>
      <c r="G77" s="58"/>
      <c r="H77" s="58"/>
      <c r="I77" s="58"/>
      <c r="J77" s="58"/>
      <c r="K77" s="58"/>
      <c r="L77" s="58"/>
      <c r="M77" s="58"/>
      <c r="N77" s="58"/>
      <c r="O77" s="58"/>
      <c r="P77" s="58"/>
      <c r="Q77" s="58"/>
      <c r="R77" s="58"/>
      <c r="S77" s="58"/>
      <c r="T77" s="58"/>
      <c r="U77" s="58"/>
      <c r="V77" s="58"/>
      <c r="W77" s="58"/>
      <c r="X77" s="58"/>
      <c r="Y77" s="58"/>
      <c r="Z77" s="58"/>
      <c r="AA77" s="58"/>
      <c r="AB77" s="58"/>
      <c r="AC77" s="58"/>
      <c r="AD77" s="58"/>
      <c r="AE77" s="58"/>
      <c r="AF77" s="58"/>
      <c r="AG77" s="58"/>
      <c r="AH77" s="58"/>
      <c r="AI77" s="58"/>
      <c r="AJ77" s="58"/>
      <c r="AK77" s="58"/>
      <c r="AL77" s="58"/>
      <c r="AM77" s="58"/>
      <c r="AN77" s="58"/>
      <c r="AO77" s="58"/>
      <c r="AP77" s="58"/>
      <c r="AQ77" s="58"/>
      <c r="AR77" s="58"/>
      <c r="AS77" s="58"/>
      <c r="AT77" s="58"/>
      <c r="AU77" s="58"/>
      <c r="AV77" s="58"/>
      <c r="AW77" s="58"/>
      <c r="AX77" s="58"/>
      <c r="AY77" s="58"/>
      <c r="AZ77" s="58"/>
      <c r="BA77" s="58"/>
      <c r="BB77" s="58"/>
      <c r="BC77" s="58"/>
      <c r="BD77" s="58"/>
      <c r="BE77" s="58"/>
      <c r="BF77" s="58"/>
      <c r="BG77" s="58"/>
      <c r="BH77" s="58"/>
      <c r="BI77" s="58"/>
      <c r="BJ77" s="58"/>
      <c r="BK77" s="58"/>
      <c r="BL77" s="58"/>
      <c r="BM77" s="58"/>
      <c r="BN77" s="58"/>
      <c r="BO77" s="58"/>
      <c r="BP77" s="58"/>
      <c r="BQ77" s="58"/>
      <c r="BR77" s="58"/>
      <c r="BS77" s="58"/>
      <c r="BT77" s="58"/>
      <c r="BU77" s="58"/>
      <c r="BV77" s="58"/>
      <c r="BW77" s="58"/>
      <c r="BX77" s="58"/>
      <c r="BY77" s="58"/>
      <c r="BZ77" s="58"/>
      <c r="CA77" s="58"/>
      <c r="CB77" s="58"/>
      <c r="CC77" s="58"/>
      <c r="CD77" s="58"/>
      <c r="CE77" s="58"/>
      <c r="CF77" s="58"/>
      <c r="CG77" s="58"/>
      <c r="CH77" s="58"/>
      <c r="CI77" s="58"/>
      <c r="CJ77" s="58"/>
      <c r="CK77" s="58"/>
      <c r="CL77" s="58"/>
      <c r="CM77" s="58"/>
      <c r="CN77" s="58"/>
      <c r="CO77" s="58"/>
      <c r="CP77" s="58"/>
      <c r="CQ77" s="58"/>
      <c r="CR77" s="58"/>
      <c r="CS77" s="58"/>
      <c r="CT77" s="58"/>
      <c r="CU77" s="58"/>
      <c r="CV77" s="58"/>
      <c r="CW77" s="58"/>
      <c r="CX77" s="58"/>
      <c r="CY77" s="58"/>
      <c r="CZ77" s="58"/>
      <c r="DA77" s="58"/>
      <c r="DB77" s="58"/>
      <c r="DC77" s="58"/>
      <c r="DD77" s="58"/>
      <c r="DE77" s="58"/>
      <c r="DF77" s="58"/>
      <c r="DG77" s="58"/>
      <c r="DH77" s="58"/>
      <c r="DI77" s="58"/>
      <c r="DJ77" s="58"/>
      <c r="DK77" s="58"/>
      <c r="DL77" s="58"/>
      <c r="DM77" s="58"/>
      <c r="DN77" s="58"/>
      <c r="DO77" s="58"/>
      <c r="DP77" s="58"/>
      <c r="DQ77" s="58"/>
      <c r="DR77" s="58"/>
      <c r="DS77" s="58"/>
      <c r="DT77" s="58"/>
      <c r="DU77" s="58"/>
      <c r="DV77" s="58"/>
      <c r="DW77" s="58"/>
      <c r="DX77" s="58"/>
      <c r="DY77" s="58"/>
      <c r="DZ77" s="58"/>
      <c r="EA77" s="58"/>
      <c r="EB77" s="58"/>
      <c r="EC77" s="58"/>
      <c r="ED77" s="58"/>
      <c r="EE77" s="58"/>
      <c r="EF77" s="58"/>
      <c r="EG77" s="58"/>
      <c r="EH77" s="58"/>
      <c r="EI77" s="58"/>
      <c r="EJ77" s="58"/>
      <c r="EK77" s="58"/>
      <c r="EL77" s="58"/>
      <c r="EM77" s="58"/>
      <c r="EN77" s="58"/>
      <c r="EO77" s="58"/>
      <c r="EP77" s="58"/>
      <c r="EQ77" s="58"/>
      <c r="ER77" s="58"/>
      <c r="ES77" s="58"/>
      <c r="ET77" s="58"/>
      <c r="EU77" s="58"/>
      <c r="EV77" s="58"/>
      <c r="EW77" s="58"/>
      <c r="EX77" s="58"/>
      <c r="EY77" s="58"/>
      <c r="EZ77" s="58"/>
      <c r="FA77" s="58"/>
      <c r="FB77" s="58"/>
      <c r="FC77" s="58"/>
      <c r="FD77" s="58"/>
      <c r="FE77" s="58"/>
      <c r="FF77" s="58"/>
      <c r="FG77" s="58"/>
      <c r="FH77" s="58"/>
      <c r="FI77" s="58"/>
      <c r="FJ77" s="58"/>
      <c r="FK77" s="58"/>
      <c r="FL77" s="58"/>
      <c r="FM77" s="58"/>
      <c r="FN77" s="58"/>
      <c r="FO77" s="58"/>
      <c r="FP77" s="58"/>
      <c r="FQ77" s="58"/>
      <c r="FR77" s="58"/>
      <c r="FS77" s="58"/>
      <c r="FT77" s="58"/>
      <c r="FU77" s="58"/>
      <c r="FV77" s="58"/>
      <c r="FW77" s="58"/>
      <c r="FX77" s="58"/>
      <c r="FY77" s="58"/>
      <c r="FZ77" s="58"/>
      <c r="GA77" s="58"/>
      <c r="GB77" s="58"/>
      <c r="GC77" s="58"/>
      <c r="GD77" s="58"/>
      <c r="GE77" s="58"/>
      <c r="GF77" s="58"/>
      <c r="GG77" s="58"/>
      <c r="GH77" s="58"/>
      <c r="GI77" s="58"/>
      <c r="GJ77" s="58"/>
      <c r="GK77" s="58"/>
      <c r="GL77" s="58"/>
      <c r="GM77" s="58"/>
      <c r="GN77" s="58"/>
      <c r="GO77" s="58"/>
      <c r="GP77" s="58"/>
      <c r="GQ77" s="58"/>
      <c r="GR77" s="58"/>
      <c r="GS77" s="58"/>
      <c r="GT77" s="58"/>
      <c r="GU77" s="58"/>
      <c r="GV77" s="58"/>
      <c r="GW77" s="58"/>
      <c r="GX77" s="58"/>
      <c r="GY77" s="58"/>
      <c r="GZ77" s="58"/>
      <c r="HA77" s="58"/>
      <c r="HB77" s="58"/>
      <c r="HC77" s="58"/>
      <c r="HD77" s="58"/>
      <c r="HE77" s="58"/>
      <c r="HF77" s="58"/>
      <c r="HG77" s="58"/>
      <c r="HH77" s="58"/>
      <c r="HI77" s="58"/>
      <c r="HJ77" s="58"/>
      <c r="HK77" s="58"/>
      <c r="HL77" s="58"/>
      <c r="HM77" s="58"/>
      <c r="HN77" s="58"/>
      <c r="HO77" s="58"/>
      <c r="HP77" s="58"/>
      <c r="HQ77" s="58"/>
      <c r="HR77" s="58"/>
      <c r="HS77" s="58"/>
      <c r="HT77" s="58"/>
      <c r="HU77" s="58"/>
      <c r="HV77" s="58"/>
      <c r="HW77" s="58"/>
      <c r="HX77" s="58"/>
      <c r="HY77" s="58"/>
      <c r="HZ77" s="58"/>
      <c r="IA77" s="58"/>
      <c r="IB77" s="58"/>
      <c r="IC77" s="58"/>
      <c r="ID77" s="58"/>
      <c r="IE77" s="58"/>
      <c r="IF77" s="58"/>
      <c r="IG77" s="58"/>
      <c r="IH77" s="58"/>
      <c r="II77" s="58"/>
      <c r="IJ77" s="58"/>
      <c r="IK77" s="58"/>
      <c r="IL77" s="58"/>
      <c r="IM77" s="58"/>
      <c r="IN77" s="58"/>
      <c r="IO77" s="58"/>
      <c r="IP77" s="58"/>
      <c r="IQ77" s="58"/>
    </row>
    <row r="78" spans="1:251" ht="25.5">
      <c r="A78" s="58"/>
      <c r="B78" s="74">
        <v>48</v>
      </c>
      <c r="C78" s="76" t="s">
        <v>260</v>
      </c>
      <c r="D78" s="73"/>
      <c r="E78" s="73"/>
      <c r="F78" s="58"/>
      <c r="G78" s="58"/>
      <c r="H78" s="58"/>
      <c r="I78" s="58"/>
      <c r="J78" s="58"/>
      <c r="K78" s="58"/>
      <c r="L78" s="58"/>
      <c r="M78" s="58"/>
      <c r="N78" s="58"/>
      <c r="O78" s="58"/>
      <c r="P78" s="58"/>
      <c r="Q78" s="58"/>
      <c r="R78" s="58"/>
      <c r="S78" s="58"/>
      <c r="T78" s="58"/>
      <c r="U78" s="58"/>
      <c r="V78" s="58"/>
      <c r="W78" s="58"/>
      <c r="X78" s="58"/>
      <c r="Y78" s="58"/>
      <c r="Z78" s="58"/>
      <c r="AA78" s="58"/>
      <c r="AB78" s="58"/>
      <c r="AC78" s="58"/>
      <c r="AD78" s="58"/>
      <c r="AE78" s="58"/>
      <c r="AF78" s="58"/>
      <c r="AG78" s="58"/>
      <c r="AH78" s="58"/>
      <c r="AI78" s="58"/>
      <c r="AJ78" s="58"/>
      <c r="AK78" s="58"/>
      <c r="AL78" s="58"/>
      <c r="AM78" s="58"/>
      <c r="AN78" s="58"/>
      <c r="AO78" s="58"/>
      <c r="AP78" s="58"/>
      <c r="AQ78" s="58"/>
      <c r="AR78" s="58"/>
      <c r="AS78" s="58"/>
      <c r="AT78" s="58"/>
      <c r="AU78" s="58"/>
      <c r="AV78" s="58"/>
      <c r="AW78" s="58"/>
      <c r="AX78" s="58"/>
      <c r="AY78" s="58"/>
      <c r="AZ78" s="58"/>
      <c r="BA78" s="58"/>
      <c r="BB78" s="58"/>
      <c r="BC78" s="58"/>
      <c r="BD78" s="58"/>
      <c r="BE78" s="58"/>
      <c r="BF78" s="58"/>
      <c r="BG78" s="58"/>
      <c r="BH78" s="58"/>
      <c r="BI78" s="58"/>
      <c r="BJ78" s="58"/>
      <c r="BK78" s="58"/>
      <c r="BL78" s="58"/>
      <c r="BM78" s="58"/>
      <c r="BN78" s="58"/>
      <c r="BO78" s="58"/>
      <c r="BP78" s="58"/>
      <c r="BQ78" s="58"/>
      <c r="BR78" s="58"/>
      <c r="BS78" s="58"/>
      <c r="BT78" s="58"/>
      <c r="BU78" s="58"/>
      <c r="BV78" s="58"/>
      <c r="BW78" s="58"/>
      <c r="BX78" s="58"/>
      <c r="BY78" s="58"/>
      <c r="BZ78" s="58"/>
      <c r="CA78" s="58"/>
      <c r="CB78" s="58"/>
      <c r="CC78" s="58"/>
      <c r="CD78" s="58"/>
      <c r="CE78" s="58"/>
      <c r="CF78" s="58"/>
      <c r="CG78" s="58"/>
      <c r="CH78" s="58"/>
      <c r="CI78" s="58"/>
      <c r="CJ78" s="58"/>
      <c r="CK78" s="58"/>
      <c r="CL78" s="58"/>
      <c r="CM78" s="58"/>
      <c r="CN78" s="58"/>
      <c r="CO78" s="58"/>
      <c r="CP78" s="58"/>
      <c r="CQ78" s="58"/>
      <c r="CR78" s="58"/>
      <c r="CS78" s="58"/>
      <c r="CT78" s="58"/>
      <c r="CU78" s="58"/>
      <c r="CV78" s="58"/>
      <c r="CW78" s="58"/>
      <c r="CX78" s="58"/>
      <c r="CY78" s="58"/>
      <c r="CZ78" s="58"/>
      <c r="DA78" s="58"/>
      <c r="DB78" s="58"/>
      <c r="DC78" s="58"/>
      <c r="DD78" s="58"/>
      <c r="DE78" s="58"/>
      <c r="DF78" s="58"/>
      <c r="DG78" s="58"/>
      <c r="DH78" s="58"/>
      <c r="DI78" s="58"/>
      <c r="DJ78" s="58"/>
      <c r="DK78" s="58"/>
      <c r="DL78" s="58"/>
      <c r="DM78" s="58"/>
      <c r="DN78" s="58"/>
      <c r="DO78" s="58"/>
      <c r="DP78" s="58"/>
      <c r="DQ78" s="58"/>
      <c r="DR78" s="58"/>
      <c r="DS78" s="58"/>
      <c r="DT78" s="58"/>
      <c r="DU78" s="58"/>
      <c r="DV78" s="58"/>
      <c r="DW78" s="58"/>
      <c r="DX78" s="58"/>
      <c r="DY78" s="58"/>
      <c r="DZ78" s="58"/>
      <c r="EA78" s="58"/>
      <c r="EB78" s="58"/>
      <c r="EC78" s="58"/>
      <c r="ED78" s="58"/>
      <c r="EE78" s="58"/>
      <c r="EF78" s="58"/>
      <c r="EG78" s="58"/>
      <c r="EH78" s="58"/>
      <c r="EI78" s="58"/>
      <c r="EJ78" s="58"/>
      <c r="EK78" s="58"/>
      <c r="EL78" s="58"/>
      <c r="EM78" s="58"/>
      <c r="EN78" s="58"/>
      <c r="EO78" s="58"/>
      <c r="EP78" s="58"/>
      <c r="EQ78" s="58"/>
      <c r="ER78" s="58"/>
      <c r="ES78" s="58"/>
      <c r="ET78" s="58"/>
      <c r="EU78" s="58"/>
      <c r="EV78" s="58"/>
      <c r="EW78" s="58"/>
      <c r="EX78" s="58"/>
      <c r="EY78" s="58"/>
      <c r="EZ78" s="58"/>
      <c r="FA78" s="58"/>
      <c r="FB78" s="58"/>
      <c r="FC78" s="58"/>
      <c r="FD78" s="58"/>
      <c r="FE78" s="58"/>
      <c r="FF78" s="58"/>
      <c r="FG78" s="58"/>
      <c r="FH78" s="58"/>
      <c r="FI78" s="58"/>
      <c r="FJ78" s="58"/>
      <c r="FK78" s="58"/>
      <c r="FL78" s="58"/>
      <c r="FM78" s="58"/>
      <c r="FN78" s="58"/>
      <c r="FO78" s="58"/>
      <c r="FP78" s="58"/>
      <c r="FQ78" s="58"/>
      <c r="FR78" s="58"/>
      <c r="FS78" s="58"/>
      <c r="FT78" s="58"/>
      <c r="FU78" s="58"/>
      <c r="FV78" s="58"/>
      <c r="FW78" s="58"/>
      <c r="FX78" s="58"/>
      <c r="FY78" s="58"/>
      <c r="FZ78" s="58"/>
      <c r="GA78" s="58"/>
      <c r="GB78" s="58"/>
      <c r="GC78" s="58"/>
      <c r="GD78" s="58"/>
      <c r="GE78" s="58"/>
      <c r="GF78" s="58"/>
      <c r="GG78" s="58"/>
      <c r="GH78" s="58"/>
      <c r="GI78" s="58"/>
      <c r="GJ78" s="58"/>
      <c r="GK78" s="58"/>
      <c r="GL78" s="58"/>
      <c r="GM78" s="58"/>
      <c r="GN78" s="58"/>
      <c r="GO78" s="58"/>
      <c r="GP78" s="58"/>
      <c r="GQ78" s="58"/>
      <c r="GR78" s="58"/>
      <c r="GS78" s="58"/>
      <c r="GT78" s="58"/>
      <c r="GU78" s="58"/>
      <c r="GV78" s="58"/>
      <c r="GW78" s="58"/>
      <c r="GX78" s="58"/>
      <c r="GY78" s="58"/>
      <c r="GZ78" s="58"/>
      <c r="HA78" s="58"/>
      <c r="HB78" s="58"/>
      <c r="HC78" s="58"/>
      <c r="HD78" s="58"/>
      <c r="HE78" s="58"/>
      <c r="HF78" s="58"/>
      <c r="HG78" s="58"/>
      <c r="HH78" s="58"/>
      <c r="HI78" s="58"/>
      <c r="HJ78" s="58"/>
      <c r="HK78" s="58"/>
      <c r="HL78" s="58"/>
      <c r="HM78" s="58"/>
      <c r="HN78" s="58"/>
      <c r="HO78" s="58"/>
      <c r="HP78" s="58"/>
      <c r="HQ78" s="58"/>
      <c r="HR78" s="58"/>
      <c r="HS78" s="58"/>
      <c r="HT78" s="58"/>
      <c r="HU78" s="58"/>
      <c r="HV78" s="58"/>
      <c r="HW78" s="58"/>
      <c r="HX78" s="58"/>
      <c r="HY78" s="58"/>
      <c r="HZ78" s="58"/>
      <c r="IA78" s="58"/>
      <c r="IB78" s="58"/>
      <c r="IC78" s="58"/>
      <c r="ID78" s="58"/>
      <c r="IE78" s="58"/>
      <c r="IF78" s="58"/>
      <c r="IG78" s="58"/>
      <c r="IH78" s="58"/>
      <c r="II78" s="58"/>
      <c r="IJ78" s="58"/>
      <c r="IK78" s="58"/>
      <c r="IL78" s="58"/>
      <c r="IM78" s="58"/>
      <c r="IN78" s="58"/>
      <c r="IO78" s="58"/>
      <c r="IP78" s="58"/>
      <c r="IQ78" s="58"/>
    </row>
    <row r="79" spans="1:251" ht="12.75">
      <c r="A79" s="58"/>
      <c r="B79" s="74">
        <v>49</v>
      </c>
      <c r="C79" s="73" t="s">
        <v>261</v>
      </c>
      <c r="D79" s="73"/>
      <c r="E79" s="73"/>
      <c r="F79" s="58"/>
      <c r="G79" s="58"/>
      <c r="H79" s="58"/>
      <c r="I79" s="58"/>
      <c r="J79" s="58"/>
      <c r="K79" s="58"/>
      <c r="L79" s="58"/>
      <c r="M79" s="58"/>
      <c r="N79" s="58"/>
      <c r="O79" s="58"/>
      <c r="P79" s="58"/>
      <c r="Q79" s="58"/>
      <c r="R79" s="58"/>
      <c r="S79" s="58"/>
      <c r="T79" s="58"/>
      <c r="U79" s="58"/>
      <c r="V79" s="58"/>
      <c r="W79" s="58"/>
      <c r="X79" s="58"/>
      <c r="Y79" s="58"/>
      <c r="Z79" s="58"/>
      <c r="AA79" s="58"/>
      <c r="AB79" s="58"/>
      <c r="AC79" s="58"/>
      <c r="AD79" s="58"/>
      <c r="AE79" s="58"/>
      <c r="AF79" s="58"/>
      <c r="AG79" s="58"/>
      <c r="AH79" s="58"/>
      <c r="AI79" s="58"/>
      <c r="AJ79" s="58"/>
      <c r="AK79" s="58"/>
      <c r="AL79" s="58"/>
      <c r="AM79" s="58"/>
      <c r="AN79" s="58"/>
      <c r="AO79" s="58"/>
      <c r="AP79" s="58"/>
      <c r="AQ79" s="58"/>
      <c r="AR79" s="58"/>
      <c r="AS79" s="58"/>
      <c r="AT79" s="58"/>
      <c r="AU79" s="58"/>
      <c r="AV79" s="58"/>
      <c r="AW79" s="58"/>
      <c r="AX79" s="58"/>
      <c r="AY79" s="58"/>
      <c r="AZ79" s="58"/>
      <c r="BA79" s="58"/>
      <c r="BB79" s="58"/>
      <c r="BC79" s="58"/>
      <c r="BD79" s="58"/>
      <c r="BE79" s="58"/>
      <c r="BF79" s="58"/>
      <c r="BG79" s="58"/>
      <c r="BH79" s="58"/>
      <c r="BI79" s="58"/>
      <c r="BJ79" s="58"/>
      <c r="BK79" s="58"/>
      <c r="BL79" s="58"/>
      <c r="BM79" s="58"/>
      <c r="BN79" s="58"/>
      <c r="BO79" s="58"/>
      <c r="BP79" s="58"/>
      <c r="BQ79" s="58"/>
      <c r="BR79" s="58"/>
      <c r="BS79" s="58"/>
      <c r="BT79" s="58"/>
      <c r="BU79" s="58"/>
      <c r="BV79" s="58"/>
      <c r="BW79" s="58"/>
      <c r="BX79" s="58"/>
      <c r="BY79" s="58"/>
      <c r="BZ79" s="58"/>
      <c r="CA79" s="58"/>
      <c r="CB79" s="58"/>
      <c r="CC79" s="58"/>
      <c r="CD79" s="58"/>
      <c r="CE79" s="58"/>
      <c r="CF79" s="58"/>
      <c r="CG79" s="58"/>
      <c r="CH79" s="58"/>
      <c r="CI79" s="58"/>
      <c r="CJ79" s="58"/>
      <c r="CK79" s="58"/>
      <c r="CL79" s="58"/>
      <c r="CM79" s="58"/>
      <c r="CN79" s="58"/>
      <c r="CO79" s="58"/>
      <c r="CP79" s="58"/>
      <c r="CQ79" s="58"/>
      <c r="CR79" s="58"/>
      <c r="CS79" s="58"/>
      <c r="CT79" s="58"/>
      <c r="CU79" s="58"/>
      <c r="CV79" s="58"/>
      <c r="CW79" s="58"/>
      <c r="CX79" s="58"/>
      <c r="CY79" s="58"/>
      <c r="CZ79" s="58"/>
      <c r="DA79" s="58"/>
      <c r="DB79" s="58"/>
      <c r="DC79" s="58"/>
      <c r="DD79" s="58"/>
      <c r="DE79" s="58"/>
      <c r="DF79" s="58"/>
      <c r="DG79" s="58"/>
      <c r="DH79" s="58"/>
      <c r="DI79" s="58"/>
      <c r="DJ79" s="58"/>
      <c r="DK79" s="58"/>
      <c r="DL79" s="58"/>
      <c r="DM79" s="58"/>
      <c r="DN79" s="58"/>
      <c r="DO79" s="58"/>
      <c r="DP79" s="58"/>
      <c r="DQ79" s="58"/>
      <c r="DR79" s="58"/>
      <c r="DS79" s="58"/>
      <c r="DT79" s="58"/>
      <c r="DU79" s="58"/>
      <c r="DV79" s="58"/>
      <c r="DW79" s="58"/>
      <c r="DX79" s="58"/>
      <c r="DY79" s="58"/>
      <c r="DZ79" s="58"/>
      <c r="EA79" s="58"/>
      <c r="EB79" s="58"/>
      <c r="EC79" s="58"/>
      <c r="ED79" s="58"/>
      <c r="EE79" s="58"/>
      <c r="EF79" s="58"/>
      <c r="EG79" s="58"/>
      <c r="EH79" s="58"/>
      <c r="EI79" s="58"/>
      <c r="EJ79" s="58"/>
      <c r="EK79" s="58"/>
      <c r="EL79" s="58"/>
      <c r="EM79" s="58"/>
      <c r="EN79" s="58"/>
      <c r="EO79" s="58"/>
      <c r="EP79" s="58"/>
      <c r="EQ79" s="58"/>
      <c r="ER79" s="58"/>
      <c r="ES79" s="58"/>
      <c r="ET79" s="58"/>
      <c r="EU79" s="58"/>
      <c r="EV79" s="58"/>
      <c r="EW79" s="58"/>
      <c r="EX79" s="58"/>
      <c r="EY79" s="58"/>
      <c r="EZ79" s="58"/>
      <c r="FA79" s="58"/>
      <c r="FB79" s="58"/>
      <c r="FC79" s="58"/>
      <c r="FD79" s="58"/>
      <c r="FE79" s="58"/>
      <c r="FF79" s="58"/>
      <c r="FG79" s="58"/>
      <c r="FH79" s="58"/>
      <c r="FI79" s="58"/>
      <c r="FJ79" s="58"/>
      <c r="FK79" s="58"/>
      <c r="FL79" s="58"/>
      <c r="FM79" s="58"/>
      <c r="FN79" s="58"/>
      <c r="FO79" s="58"/>
      <c r="FP79" s="58"/>
      <c r="FQ79" s="58"/>
      <c r="FR79" s="58"/>
      <c r="FS79" s="58"/>
      <c r="FT79" s="58"/>
      <c r="FU79" s="58"/>
      <c r="FV79" s="58"/>
      <c r="FW79" s="58"/>
      <c r="FX79" s="58"/>
      <c r="FY79" s="58"/>
      <c r="FZ79" s="58"/>
      <c r="GA79" s="58"/>
      <c r="GB79" s="58"/>
      <c r="GC79" s="58"/>
      <c r="GD79" s="58"/>
      <c r="GE79" s="58"/>
      <c r="GF79" s="58"/>
      <c r="GG79" s="58"/>
      <c r="GH79" s="58"/>
      <c r="GI79" s="58"/>
      <c r="GJ79" s="58"/>
      <c r="GK79" s="58"/>
      <c r="GL79" s="58"/>
      <c r="GM79" s="58"/>
      <c r="GN79" s="58"/>
      <c r="GO79" s="58"/>
      <c r="GP79" s="58"/>
      <c r="GQ79" s="58"/>
      <c r="GR79" s="58"/>
      <c r="GS79" s="58"/>
      <c r="GT79" s="58"/>
      <c r="GU79" s="58"/>
      <c r="GV79" s="58"/>
      <c r="GW79" s="58"/>
      <c r="GX79" s="58"/>
      <c r="GY79" s="58"/>
      <c r="GZ79" s="58"/>
      <c r="HA79" s="58"/>
      <c r="HB79" s="58"/>
      <c r="HC79" s="58"/>
      <c r="HD79" s="58"/>
      <c r="HE79" s="58"/>
      <c r="HF79" s="58"/>
      <c r="HG79" s="58"/>
      <c r="HH79" s="58"/>
      <c r="HI79" s="58"/>
      <c r="HJ79" s="58"/>
      <c r="HK79" s="58"/>
      <c r="HL79" s="58"/>
      <c r="HM79" s="58"/>
      <c r="HN79" s="58"/>
      <c r="HO79" s="58"/>
      <c r="HP79" s="58"/>
      <c r="HQ79" s="58"/>
      <c r="HR79" s="58"/>
      <c r="HS79" s="58"/>
      <c r="HT79" s="58"/>
      <c r="HU79" s="58"/>
      <c r="HV79" s="58"/>
      <c r="HW79" s="58"/>
      <c r="HX79" s="58"/>
      <c r="HY79" s="58"/>
      <c r="HZ79" s="58"/>
      <c r="IA79" s="58"/>
      <c r="IB79" s="58"/>
      <c r="IC79" s="58"/>
      <c r="ID79" s="58"/>
      <c r="IE79" s="58"/>
      <c r="IF79" s="58"/>
      <c r="IG79" s="58"/>
      <c r="IH79" s="58"/>
      <c r="II79" s="58"/>
      <c r="IJ79" s="58"/>
      <c r="IK79" s="58"/>
      <c r="IL79" s="58"/>
      <c r="IM79" s="58"/>
      <c r="IN79" s="58"/>
      <c r="IO79" s="58"/>
      <c r="IP79" s="58"/>
      <c r="IQ79" s="58"/>
    </row>
    <row r="80" spans="1:251" ht="12.75">
      <c r="A80" s="58"/>
      <c r="B80" s="82">
        <v>50</v>
      </c>
      <c r="C80" s="84" t="s">
        <v>262</v>
      </c>
      <c r="D80" s="84">
        <v>106.1</v>
      </c>
      <c r="E80" s="84">
        <v>58</v>
      </c>
      <c r="F80" s="58"/>
      <c r="G80" s="58"/>
      <c r="H80" s="58"/>
      <c r="I80" s="58"/>
      <c r="J80" s="58"/>
      <c r="K80" s="58"/>
      <c r="L80" s="58"/>
      <c r="M80" s="58"/>
      <c r="N80" s="58"/>
      <c r="O80" s="58"/>
      <c r="P80" s="58"/>
      <c r="Q80" s="58"/>
      <c r="R80" s="58"/>
      <c r="S80" s="58"/>
      <c r="T80" s="58"/>
      <c r="U80" s="58"/>
      <c r="V80" s="58"/>
      <c r="W80" s="58"/>
      <c r="X80" s="58"/>
      <c r="Y80" s="58"/>
      <c r="Z80" s="58"/>
      <c r="AA80" s="58"/>
      <c r="AB80" s="58"/>
      <c r="AC80" s="58"/>
      <c r="AD80" s="58"/>
      <c r="AE80" s="58"/>
      <c r="AF80" s="58"/>
      <c r="AG80" s="58"/>
      <c r="AH80" s="58"/>
      <c r="AI80" s="58"/>
      <c r="AJ80" s="58"/>
      <c r="AK80" s="58"/>
      <c r="AL80" s="58"/>
      <c r="AM80" s="58"/>
      <c r="AN80" s="58"/>
      <c r="AO80" s="58"/>
      <c r="AP80" s="58"/>
      <c r="AQ80" s="58"/>
      <c r="AR80" s="58"/>
      <c r="AS80" s="58"/>
      <c r="AT80" s="58"/>
      <c r="AU80" s="58"/>
      <c r="AV80" s="58"/>
      <c r="AW80" s="58"/>
      <c r="AX80" s="58"/>
      <c r="AY80" s="58"/>
      <c r="AZ80" s="58"/>
      <c r="BA80" s="58"/>
      <c r="BB80" s="58"/>
      <c r="BC80" s="58"/>
      <c r="BD80" s="58"/>
      <c r="BE80" s="58"/>
      <c r="BF80" s="58"/>
      <c r="BG80" s="58"/>
      <c r="BH80" s="58"/>
      <c r="BI80" s="58"/>
      <c r="BJ80" s="58"/>
      <c r="BK80" s="58"/>
      <c r="BL80" s="58"/>
      <c r="BM80" s="58"/>
      <c r="BN80" s="58"/>
      <c r="BO80" s="58"/>
      <c r="BP80" s="58"/>
      <c r="BQ80" s="58"/>
      <c r="BR80" s="58"/>
      <c r="BS80" s="58"/>
      <c r="BT80" s="58"/>
      <c r="BU80" s="58"/>
      <c r="BV80" s="58"/>
      <c r="BW80" s="58"/>
      <c r="BX80" s="58"/>
      <c r="BY80" s="58"/>
      <c r="BZ80" s="58"/>
      <c r="CA80" s="58"/>
      <c r="CB80" s="58"/>
      <c r="CC80" s="58"/>
      <c r="CD80" s="58"/>
      <c r="CE80" s="58"/>
      <c r="CF80" s="58"/>
      <c r="CG80" s="58"/>
      <c r="CH80" s="58"/>
      <c r="CI80" s="58"/>
      <c r="CJ80" s="58"/>
      <c r="CK80" s="58"/>
      <c r="CL80" s="58"/>
      <c r="CM80" s="58"/>
      <c r="CN80" s="58"/>
      <c r="CO80" s="58"/>
      <c r="CP80" s="58"/>
      <c r="CQ80" s="58"/>
      <c r="CR80" s="58"/>
      <c r="CS80" s="58"/>
      <c r="CT80" s="58"/>
      <c r="CU80" s="58"/>
      <c r="CV80" s="58"/>
      <c r="CW80" s="58"/>
      <c r="CX80" s="58"/>
      <c r="CY80" s="58"/>
      <c r="CZ80" s="58"/>
      <c r="DA80" s="58"/>
      <c r="DB80" s="58"/>
      <c r="DC80" s="58"/>
      <c r="DD80" s="58"/>
      <c r="DE80" s="58"/>
      <c r="DF80" s="58"/>
      <c r="DG80" s="58"/>
      <c r="DH80" s="58"/>
      <c r="DI80" s="58"/>
      <c r="DJ80" s="58"/>
      <c r="DK80" s="58"/>
      <c r="DL80" s="58"/>
      <c r="DM80" s="58"/>
      <c r="DN80" s="58"/>
      <c r="DO80" s="58"/>
      <c r="DP80" s="58"/>
      <c r="DQ80" s="58"/>
      <c r="DR80" s="58"/>
      <c r="DS80" s="58"/>
      <c r="DT80" s="58"/>
      <c r="DU80" s="58"/>
      <c r="DV80" s="58"/>
      <c r="DW80" s="58"/>
      <c r="DX80" s="58"/>
      <c r="DY80" s="58"/>
      <c r="DZ80" s="58"/>
      <c r="EA80" s="58"/>
      <c r="EB80" s="58"/>
      <c r="EC80" s="58"/>
      <c r="ED80" s="58"/>
      <c r="EE80" s="58"/>
      <c r="EF80" s="58"/>
      <c r="EG80" s="58"/>
      <c r="EH80" s="58"/>
      <c r="EI80" s="58"/>
      <c r="EJ80" s="58"/>
      <c r="EK80" s="58"/>
      <c r="EL80" s="58"/>
      <c r="EM80" s="58"/>
      <c r="EN80" s="58"/>
      <c r="EO80" s="58"/>
      <c r="EP80" s="58"/>
      <c r="EQ80" s="58"/>
      <c r="ER80" s="58"/>
      <c r="ES80" s="58"/>
      <c r="ET80" s="58"/>
      <c r="EU80" s="58"/>
      <c r="EV80" s="58"/>
      <c r="EW80" s="58"/>
      <c r="EX80" s="58"/>
      <c r="EY80" s="58"/>
      <c r="EZ80" s="58"/>
      <c r="FA80" s="58"/>
      <c r="FB80" s="58"/>
      <c r="FC80" s="58"/>
      <c r="FD80" s="58"/>
      <c r="FE80" s="58"/>
      <c r="FF80" s="58"/>
      <c r="FG80" s="58"/>
      <c r="FH80" s="58"/>
      <c r="FI80" s="58"/>
      <c r="FJ80" s="58"/>
      <c r="FK80" s="58"/>
      <c r="FL80" s="58"/>
      <c r="FM80" s="58"/>
      <c r="FN80" s="58"/>
      <c r="FO80" s="58"/>
      <c r="FP80" s="58"/>
      <c r="FQ80" s="58"/>
      <c r="FR80" s="58"/>
      <c r="FS80" s="58"/>
      <c r="FT80" s="58"/>
      <c r="FU80" s="58"/>
      <c r="FV80" s="58"/>
      <c r="FW80" s="58"/>
      <c r="FX80" s="58"/>
      <c r="FY80" s="58"/>
      <c r="FZ80" s="58"/>
      <c r="GA80" s="58"/>
      <c r="GB80" s="58"/>
      <c r="GC80" s="58"/>
      <c r="GD80" s="58"/>
      <c r="GE80" s="58"/>
      <c r="GF80" s="58"/>
      <c r="GG80" s="58"/>
      <c r="GH80" s="58"/>
      <c r="GI80" s="58"/>
      <c r="GJ80" s="58"/>
      <c r="GK80" s="58"/>
      <c r="GL80" s="58"/>
      <c r="GM80" s="58"/>
      <c r="GN80" s="58"/>
      <c r="GO80" s="58"/>
      <c r="GP80" s="58"/>
      <c r="GQ80" s="58"/>
      <c r="GR80" s="58"/>
      <c r="GS80" s="58"/>
      <c r="GT80" s="58"/>
      <c r="GU80" s="58"/>
      <c r="GV80" s="58"/>
      <c r="GW80" s="58"/>
      <c r="GX80" s="58"/>
      <c r="GY80" s="58"/>
      <c r="GZ80" s="58"/>
      <c r="HA80" s="58"/>
      <c r="HB80" s="58"/>
      <c r="HC80" s="58"/>
      <c r="HD80" s="58"/>
      <c r="HE80" s="58"/>
      <c r="HF80" s="58"/>
      <c r="HG80" s="58"/>
      <c r="HH80" s="58"/>
      <c r="HI80" s="58"/>
      <c r="HJ80" s="58"/>
      <c r="HK80" s="58"/>
      <c r="HL80" s="58"/>
      <c r="HM80" s="58"/>
      <c r="HN80" s="58"/>
      <c r="HO80" s="58"/>
      <c r="HP80" s="58"/>
      <c r="HQ80" s="58"/>
      <c r="HR80" s="58"/>
      <c r="HS80" s="58"/>
      <c r="HT80" s="58"/>
      <c r="HU80" s="58"/>
      <c r="HV80" s="58"/>
      <c r="HW80" s="58"/>
      <c r="HX80" s="58"/>
      <c r="HY80" s="58"/>
      <c r="HZ80" s="58"/>
      <c r="IA80" s="58"/>
      <c r="IB80" s="58"/>
      <c r="IC80" s="58"/>
      <c r="ID80" s="58"/>
      <c r="IE80" s="58"/>
      <c r="IF80" s="58"/>
      <c r="IG80" s="58"/>
      <c r="IH80" s="58"/>
      <c r="II80" s="58"/>
      <c r="IJ80" s="58"/>
      <c r="IK80" s="58"/>
      <c r="IL80" s="58"/>
      <c r="IM80" s="58"/>
      <c r="IN80" s="58"/>
      <c r="IO80" s="58"/>
      <c r="IP80" s="58"/>
      <c r="IQ80" s="58"/>
    </row>
    <row r="81" spans="1:251" ht="12.75">
      <c r="A81" s="58"/>
      <c r="B81" s="75">
        <v>51</v>
      </c>
      <c r="C81" s="81" t="s">
        <v>263</v>
      </c>
      <c r="D81" s="81">
        <v>25124.899999999998</v>
      </c>
      <c r="E81" s="81">
        <v>24909</v>
      </c>
      <c r="F81" s="58"/>
      <c r="G81" s="58"/>
      <c r="H81" s="58"/>
      <c r="I81" s="58"/>
      <c r="J81" s="58"/>
      <c r="K81" s="58"/>
      <c r="L81" s="58"/>
      <c r="M81" s="58"/>
      <c r="N81" s="58"/>
      <c r="O81" s="58"/>
      <c r="P81" s="58"/>
      <c r="Q81" s="58"/>
      <c r="R81" s="58"/>
      <c r="S81" s="58"/>
      <c r="T81" s="58"/>
      <c r="U81" s="58"/>
      <c r="V81" s="58"/>
      <c r="W81" s="58"/>
      <c r="X81" s="58"/>
      <c r="Y81" s="58"/>
      <c r="Z81" s="58"/>
      <c r="AA81" s="58"/>
      <c r="AB81" s="58"/>
      <c r="AC81" s="58"/>
      <c r="AD81" s="58"/>
      <c r="AE81" s="58"/>
      <c r="AF81" s="58"/>
      <c r="AG81" s="58"/>
      <c r="AH81" s="58"/>
      <c r="AI81" s="58"/>
      <c r="AJ81" s="58"/>
      <c r="AK81" s="58"/>
      <c r="AL81" s="58"/>
      <c r="AM81" s="58"/>
      <c r="AN81" s="58"/>
      <c r="AO81" s="58"/>
      <c r="AP81" s="58"/>
      <c r="AQ81" s="58"/>
      <c r="AR81" s="58"/>
      <c r="AS81" s="58"/>
      <c r="AT81" s="58"/>
      <c r="AU81" s="58"/>
      <c r="AV81" s="58"/>
      <c r="AW81" s="58"/>
      <c r="AX81" s="58"/>
      <c r="AY81" s="58"/>
      <c r="AZ81" s="58"/>
      <c r="BA81" s="58"/>
      <c r="BB81" s="58"/>
      <c r="BC81" s="58"/>
      <c r="BD81" s="58"/>
      <c r="BE81" s="58"/>
      <c r="BF81" s="58"/>
      <c r="BG81" s="58"/>
      <c r="BH81" s="58"/>
      <c r="BI81" s="58"/>
      <c r="BJ81" s="58"/>
      <c r="BK81" s="58"/>
      <c r="BL81" s="58"/>
      <c r="BM81" s="58"/>
      <c r="BN81" s="58"/>
      <c r="BO81" s="58"/>
      <c r="BP81" s="58"/>
      <c r="BQ81" s="58"/>
      <c r="BR81" s="58"/>
      <c r="BS81" s="58"/>
      <c r="BT81" s="58"/>
      <c r="BU81" s="58"/>
      <c r="BV81" s="58"/>
      <c r="BW81" s="58"/>
      <c r="BX81" s="58"/>
      <c r="BY81" s="58"/>
      <c r="BZ81" s="58"/>
      <c r="CA81" s="58"/>
      <c r="CB81" s="58"/>
      <c r="CC81" s="58"/>
      <c r="CD81" s="58"/>
      <c r="CE81" s="58"/>
      <c r="CF81" s="58"/>
      <c r="CG81" s="58"/>
      <c r="CH81" s="58"/>
      <c r="CI81" s="58"/>
      <c r="CJ81" s="58"/>
      <c r="CK81" s="58"/>
      <c r="CL81" s="58"/>
      <c r="CM81" s="58"/>
      <c r="CN81" s="58"/>
      <c r="CO81" s="58"/>
      <c r="CP81" s="58"/>
      <c r="CQ81" s="58"/>
      <c r="CR81" s="58"/>
      <c r="CS81" s="58"/>
      <c r="CT81" s="58"/>
      <c r="CU81" s="58"/>
      <c r="CV81" s="58"/>
      <c r="CW81" s="58"/>
      <c r="CX81" s="58"/>
      <c r="CY81" s="58"/>
      <c r="CZ81" s="58"/>
      <c r="DA81" s="58"/>
      <c r="DB81" s="58"/>
      <c r="DC81" s="58"/>
      <c r="DD81" s="58"/>
      <c r="DE81" s="58"/>
      <c r="DF81" s="58"/>
      <c r="DG81" s="58"/>
      <c r="DH81" s="58"/>
      <c r="DI81" s="58"/>
      <c r="DJ81" s="58"/>
      <c r="DK81" s="58"/>
      <c r="DL81" s="58"/>
      <c r="DM81" s="58"/>
      <c r="DN81" s="58"/>
      <c r="DO81" s="58"/>
      <c r="DP81" s="58"/>
      <c r="DQ81" s="58"/>
      <c r="DR81" s="58"/>
      <c r="DS81" s="58"/>
      <c r="DT81" s="58"/>
      <c r="DU81" s="58"/>
      <c r="DV81" s="58"/>
      <c r="DW81" s="58"/>
      <c r="DX81" s="58"/>
      <c r="DY81" s="58"/>
      <c r="DZ81" s="58"/>
      <c r="EA81" s="58"/>
      <c r="EB81" s="58"/>
      <c r="EC81" s="58"/>
      <c r="ED81" s="58"/>
      <c r="EE81" s="58"/>
      <c r="EF81" s="58"/>
      <c r="EG81" s="58"/>
      <c r="EH81" s="58"/>
      <c r="EI81" s="58"/>
      <c r="EJ81" s="58"/>
      <c r="EK81" s="58"/>
      <c r="EL81" s="58"/>
      <c r="EM81" s="58"/>
      <c r="EN81" s="58"/>
      <c r="EO81" s="58"/>
      <c r="EP81" s="58"/>
      <c r="EQ81" s="58"/>
      <c r="ER81" s="58"/>
      <c r="ES81" s="58"/>
      <c r="ET81" s="58"/>
      <c r="EU81" s="58"/>
      <c r="EV81" s="58"/>
      <c r="EW81" s="58"/>
      <c r="EX81" s="58"/>
      <c r="EY81" s="58"/>
      <c r="EZ81" s="58"/>
      <c r="FA81" s="58"/>
      <c r="FB81" s="58"/>
      <c r="FC81" s="58"/>
      <c r="FD81" s="58"/>
      <c r="FE81" s="58"/>
      <c r="FF81" s="58"/>
      <c r="FG81" s="58"/>
      <c r="FH81" s="58"/>
      <c r="FI81" s="58"/>
      <c r="FJ81" s="58"/>
      <c r="FK81" s="58"/>
      <c r="FL81" s="58"/>
      <c r="FM81" s="58"/>
      <c r="FN81" s="58"/>
      <c r="FO81" s="58"/>
      <c r="FP81" s="58"/>
      <c r="FQ81" s="58"/>
      <c r="FR81" s="58"/>
      <c r="FS81" s="58"/>
      <c r="FT81" s="58"/>
      <c r="FU81" s="58"/>
      <c r="FV81" s="58"/>
      <c r="FW81" s="58"/>
      <c r="FX81" s="58"/>
      <c r="FY81" s="58"/>
      <c r="FZ81" s="58"/>
      <c r="GA81" s="58"/>
      <c r="GB81" s="58"/>
      <c r="GC81" s="58"/>
      <c r="GD81" s="58"/>
      <c r="GE81" s="58"/>
      <c r="GF81" s="58"/>
      <c r="GG81" s="58"/>
      <c r="GH81" s="58"/>
      <c r="GI81" s="58"/>
      <c r="GJ81" s="58"/>
      <c r="GK81" s="58"/>
      <c r="GL81" s="58"/>
      <c r="GM81" s="58"/>
      <c r="GN81" s="58"/>
      <c r="GO81" s="58"/>
      <c r="GP81" s="58"/>
      <c r="GQ81" s="58"/>
      <c r="GR81" s="58"/>
      <c r="GS81" s="58"/>
      <c r="GT81" s="58"/>
      <c r="GU81" s="58"/>
      <c r="GV81" s="58"/>
      <c r="GW81" s="58"/>
      <c r="GX81" s="58"/>
      <c r="GY81" s="58"/>
      <c r="GZ81" s="58"/>
      <c r="HA81" s="58"/>
      <c r="HB81" s="58"/>
      <c r="HC81" s="58"/>
      <c r="HD81" s="58"/>
      <c r="HE81" s="58"/>
      <c r="HF81" s="58"/>
      <c r="HG81" s="58"/>
      <c r="HH81" s="58"/>
      <c r="HI81" s="58"/>
      <c r="HJ81" s="58"/>
      <c r="HK81" s="58"/>
      <c r="HL81" s="58"/>
      <c r="HM81" s="58"/>
      <c r="HN81" s="58"/>
      <c r="HO81" s="58"/>
      <c r="HP81" s="58"/>
      <c r="HQ81" s="58"/>
      <c r="HR81" s="58"/>
      <c r="HS81" s="58"/>
      <c r="HT81" s="58"/>
      <c r="HU81" s="58"/>
      <c r="HV81" s="58"/>
      <c r="HW81" s="58"/>
      <c r="HX81" s="58"/>
      <c r="HY81" s="58"/>
      <c r="HZ81" s="58"/>
      <c r="IA81" s="58"/>
      <c r="IB81" s="58"/>
      <c r="IC81" s="58"/>
      <c r="ID81" s="58"/>
      <c r="IE81" s="58"/>
      <c r="IF81" s="58"/>
      <c r="IG81" s="58"/>
      <c r="IH81" s="58"/>
      <c r="II81" s="58"/>
      <c r="IJ81" s="58"/>
      <c r="IK81" s="58"/>
      <c r="IL81" s="58"/>
      <c r="IM81" s="58"/>
      <c r="IN81" s="58"/>
      <c r="IO81" s="58"/>
      <c r="IP81" s="58"/>
      <c r="IQ81" s="58"/>
    </row>
    <row r="82" spans="1:251" ht="12.75">
      <c r="A82" s="58"/>
      <c r="B82" s="72" t="s">
        <v>264</v>
      </c>
      <c r="C82" s="73"/>
      <c r="D82" s="73"/>
      <c r="E82" s="73"/>
      <c r="F82" s="58"/>
      <c r="G82" s="58"/>
      <c r="H82" s="58"/>
      <c r="I82" s="58"/>
      <c r="J82" s="58"/>
      <c r="K82" s="58"/>
      <c r="L82" s="58"/>
      <c r="M82" s="58"/>
      <c r="N82" s="58"/>
      <c r="O82" s="58"/>
      <c r="P82" s="58"/>
      <c r="Q82" s="58"/>
      <c r="R82" s="58"/>
      <c r="S82" s="58"/>
      <c r="T82" s="58"/>
      <c r="U82" s="58"/>
      <c r="V82" s="58"/>
      <c r="W82" s="58"/>
      <c r="X82" s="58"/>
      <c r="Y82" s="58"/>
      <c r="Z82" s="58"/>
      <c r="AA82" s="58"/>
      <c r="AB82" s="58"/>
      <c r="AC82" s="58"/>
      <c r="AD82" s="58"/>
      <c r="AE82" s="58"/>
      <c r="AF82" s="58"/>
      <c r="AG82" s="58"/>
      <c r="AH82" s="58"/>
      <c r="AI82" s="58"/>
      <c r="AJ82" s="58"/>
      <c r="AK82" s="58"/>
      <c r="AL82" s="58"/>
      <c r="AM82" s="58"/>
      <c r="AN82" s="58"/>
      <c r="AO82" s="58"/>
      <c r="AP82" s="58"/>
      <c r="AQ82" s="58"/>
      <c r="AR82" s="58"/>
      <c r="AS82" s="58"/>
      <c r="AT82" s="58"/>
      <c r="AU82" s="58"/>
      <c r="AV82" s="58"/>
      <c r="AW82" s="58"/>
      <c r="AX82" s="58"/>
      <c r="AY82" s="58"/>
      <c r="AZ82" s="58"/>
      <c r="BA82" s="58"/>
      <c r="BB82" s="58"/>
      <c r="BC82" s="58"/>
      <c r="BD82" s="58"/>
      <c r="BE82" s="58"/>
      <c r="BF82" s="58"/>
      <c r="BG82" s="58"/>
      <c r="BH82" s="58"/>
      <c r="BI82" s="58"/>
      <c r="BJ82" s="58"/>
      <c r="BK82" s="58"/>
      <c r="BL82" s="58"/>
      <c r="BM82" s="58"/>
      <c r="BN82" s="58"/>
      <c r="BO82" s="58"/>
      <c r="BP82" s="58"/>
      <c r="BQ82" s="58"/>
      <c r="BR82" s="58"/>
      <c r="BS82" s="58"/>
      <c r="BT82" s="58"/>
      <c r="BU82" s="58"/>
      <c r="BV82" s="58"/>
      <c r="BW82" s="58"/>
      <c r="BX82" s="58"/>
      <c r="BY82" s="58"/>
      <c r="BZ82" s="58"/>
      <c r="CA82" s="58"/>
      <c r="CB82" s="58"/>
      <c r="CC82" s="58"/>
      <c r="CD82" s="58"/>
      <c r="CE82" s="58"/>
      <c r="CF82" s="58"/>
      <c r="CG82" s="58"/>
      <c r="CH82" s="58"/>
      <c r="CI82" s="58"/>
      <c r="CJ82" s="58"/>
      <c r="CK82" s="58"/>
      <c r="CL82" s="58"/>
      <c r="CM82" s="58"/>
      <c r="CN82" s="58"/>
      <c r="CO82" s="58"/>
      <c r="CP82" s="58"/>
      <c r="CQ82" s="58"/>
      <c r="CR82" s="58"/>
      <c r="CS82" s="58"/>
      <c r="CT82" s="58"/>
      <c r="CU82" s="58"/>
      <c r="CV82" s="58"/>
      <c r="CW82" s="58"/>
      <c r="CX82" s="58"/>
      <c r="CY82" s="58"/>
      <c r="CZ82" s="58"/>
      <c r="DA82" s="58"/>
      <c r="DB82" s="58"/>
      <c r="DC82" s="58"/>
      <c r="DD82" s="58"/>
      <c r="DE82" s="58"/>
      <c r="DF82" s="58"/>
      <c r="DG82" s="58"/>
      <c r="DH82" s="58"/>
      <c r="DI82" s="58"/>
      <c r="DJ82" s="58"/>
      <c r="DK82" s="58"/>
      <c r="DL82" s="58"/>
      <c r="DM82" s="58"/>
      <c r="DN82" s="58"/>
      <c r="DO82" s="58"/>
      <c r="DP82" s="58"/>
      <c r="DQ82" s="58"/>
      <c r="DR82" s="58"/>
      <c r="DS82" s="58"/>
      <c r="DT82" s="58"/>
      <c r="DU82" s="58"/>
      <c r="DV82" s="58"/>
      <c r="DW82" s="58"/>
      <c r="DX82" s="58"/>
      <c r="DY82" s="58"/>
      <c r="DZ82" s="58"/>
      <c r="EA82" s="58"/>
      <c r="EB82" s="58"/>
      <c r="EC82" s="58"/>
      <c r="ED82" s="58"/>
      <c r="EE82" s="58"/>
      <c r="EF82" s="58"/>
      <c r="EG82" s="58"/>
      <c r="EH82" s="58"/>
      <c r="EI82" s="58"/>
      <c r="EJ82" s="58"/>
      <c r="EK82" s="58"/>
      <c r="EL82" s="58"/>
      <c r="EM82" s="58"/>
      <c r="EN82" s="58"/>
      <c r="EO82" s="58"/>
      <c r="EP82" s="58"/>
      <c r="EQ82" s="58"/>
      <c r="ER82" s="58"/>
      <c r="ES82" s="58"/>
      <c r="ET82" s="58"/>
      <c r="EU82" s="58"/>
      <c r="EV82" s="58"/>
      <c r="EW82" s="58"/>
      <c r="EX82" s="58"/>
      <c r="EY82" s="58"/>
      <c r="EZ82" s="58"/>
      <c r="FA82" s="58"/>
      <c r="FB82" s="58"/>
      <c r="FC82" s="58"/>
      <c r="FD82" s="58"/>
      <c r="FE82" s="58"/>
      <c r="FF82" s="58"/>
      <c r="FG82" s="58"/>
      <c r="FH82" s="58"/>
      <c r="FI82" s="58"/>
      <c r="FJ82" s="58"/>
      <c r="FK82" s="58"/>
      <c r="FL82" s="58"/>
      <c r="FM82" s="58"/>
      <c r="FN82" s="58"/>
      <c r="FO82" s="58"/>
      <c r="FP82" s="58"/>
      <c r="FQ82" s="58"/>
      <c r="FR82" s="58"/>
      <c r="FS82" s="58"/>
      <c r="FT82" s="58"/>
      <c r="FU82" s="58"/>
      <c r="FV82" s="58"/>
      <c r="FW82" s="58"/>
      <c r="FX82" s="58"/>
      <c r="FY82" s="58"/>
      <c r="FZ82" s="58"/>
      <c r="GA82" s="58"/>
      <c r="GB82" s="58"/>
      <c r="GC82" s="58"/>
      <c r="GD82" s="58"/>
      <c r="GE82" s="58"/>
      <c r="GF82" s="58"/>
      <c r="GG82" s="58"/>
      <c r="GH82" s="58"/>
      <c r="GI82" s="58"/>
      <c r="GJ82" s="58"/>
      <c r="GK82" s="58"/>
      <c r="GL82" s="58"/>
      <c r="GM82" s="58"/>
      <c r="GN82" s="58"/>
      <c r="GO82" s="58"/>
      <c r="GP82" s="58"/>
      <c r="GQ82" s="58"/>
      <c r="GR82" s="58"/>
      <c r="GS82" s="58"/>
      <c r="GT82" s="58"/>
      <c r="GU82" s="58"/>
      <c r="GV82" s="58"/>
      <c r="GW82" s="58"/>
      <c r="GX82" s="58"/>
      <c r="GY82" s="58"/>
      <c r="GZ82" s="58"/>
      <c r="HA82" s="58"/>
      <c r="HB82" s="58"/>
      <c r="HC82" s="58"/>
      <c r="HD82" s="58"/>
      <c r="HE82" s="58"/>
      <c r="HF82" s="58"/>
      <c r="HG82" s="58"/>
      <c r="HH82" s="58"/>
      <c r="HI82" s="58"/>
      <c r="HJ82" s="58"/>
      <c r="HK82" s="58"/>
      <c r="HL82" s="58"/>
      <c r="HM82" s="58"/>
      <c r="HN82" s="58"/>
      <c r="HO82" s="58"/>
      <c r="HP82" s="58"/>
      <c r="HQ82" s="58"/>
      <c r="HR82" s="58"/>
      <c r="HS82" s="58"/>
      <c r="HT82" s="58"/>
      <c r="HU82" s="58"/>
      <c r="HV82" s="58"/>
      <c r="HW82" s="58"/>
      <c r="HX82" s="58"/>
      <c r="HY82" s="58"/>
      <c r="HZ82" s="58"/>
      <c r="IA82" s="58"/>
      <c r="IB82" s="58"/>
      <c r="IC82" s="58"/>
      <c r="ID82" s="58"/>
      <c r="IE82" s="58"/>
      <c r="IF82" s="58"/>
      <c r="IG82" s="58"/>
      <c r="IH82" s="58"/>
      <c r="II82" s="58"/>
      <c r="IJ82" s="58"/>
      <c r="IK82" s="58"/>
      <c r="IL82" s="58"/>
      <c r="IM82" s="58"/>
      <c r="IN82" s="58"/>
      <c r="IO82" s="58"/>
      <c r="IP82" s="58"/>
      <c r="IQ82" s="58"/>
    </row>
    <row r="83" spans="1:251" ht="12.75">
      <c r="A83" s="58"/>
      <c r="B83" s="74">
        <v>52</v>
      </c>
      <c r="C83" s="76" t="s">
        <v>265</v>
      </c>
      <c r="D83" s="73"/>
      <c r="E83" s="73"/>
      <c r="F83" s="58"/>
      <c r="G83" s="58"/>
      <c r="H83" s="58"/>
      <c r="I83" s="58"/>
      <c r="J83" s="58"/>
      <c r="K83" s="58"/>
      <c r="L83" s="58"/>
      <c r="M83" s="58"/>
      <c r="N83" s="58"/>
      <c r="O83" s="58"/>
      <c r="P83" s="58"/>
      <c r="Q83" s="58"/>
      <c r="R83" s="58"/>
      <c r="S83" s="58"/>
      <c r="T83" s="58"/>
      <c r="U83" s="58"/>
      <c r="V83" s="58"/>
      <c r="W83" s="58"/>
      <c r="X83" s="58"/>
      <c r="Y83" s="58"/>
      <c r="Z83" s="58"/>
      <c r="AA83" s="58"/>
      <c r="AB83" s="58"/>
      <c r="AC83" s="58"/>
      <c r="AD83" s="58"/>
      <c r="AE83" s="58"/>
      <c r="AF83" s="58"/>
      <c r="AG83" s="58"/>
      <c r="AH83" s="58"/>
      <c r="AI83" s="58"/>
      <c r="AJ83" s="58"/>
      <c r="AK83" s="58"/>
      <c r="AL83" s="58"/>
      <c r="AM83" s="58"/>
      <c r="AN83" s="58"/>
      <c r="AO83" s="58"/>
      <c r="AP83" s="58"/>
      <c r="AQ83" s="58"/>
      <c r="AR83" s="58"/>
      <c r="AS83" s="58"/>
      <c r="AT83" s="58"/>
      <c r="AU83" s="58"/>
      <c r="AV83" s="58"/>
      <c r="AW83" s="58"/>
      <c r="AX83" s="58"/>
      <c r="AY83" s="58"/>
      <c r="AZ83" s="58"/>
      <c r="BA83" s="58"/>
      <c r="BB83" s="58"/>
      <c r="BC83" s="58"/>
      <c r="BD83" s="58"/>
      <c r="BE83" s="58"/>
      <c r="BF83" s="58"/>
      <c r="BG83" s="58"/>
      <c r="BH83" s="58"/>
      <c r="BI83" s="58"/>
      <c r="BJ83" s="58"/>
      <c r="BK83" s="58"/>
      <c r="BL83" s="58"/>
      <c r="BM83" s="58"/>
      <c r="BN83" s="58"/>
      <c r="BO83" s="58"/>
      <c r="BP83" s="58"/>
      <c r="BQ83" s="58"/>
      <c r="BR83" s="58"/>
      <c r="BS83" s="58"/>
      <c r="BT83" s="58"/>
      <c r="BU83" s="58"/>
      <c r="BV83" s="58"/>
      <c r="BW83" s="58"/>
      <c r="BX83" s="58"/>
      <c r="BY83" s="58"/>
      <c r="BZ83" s="58"/>
      <c r="CA83" s="58"/>
      <c r="CB83" s="58"/>
      <c r="CC83" s="58"/>
      <c r="CD83" s="58"/>
      <c r="CE83" s="58"/>
      <c r="CF83" s="58"/>
      <c r="CG83" s="58"/>
      <c r="CH83" s="58"/>
      <c r="CI83" s="58"/>
      <c r="CJ83" s="58"/>
      <c r="CK83" s="58"/>
      <c r="CL83" s="58"/>
      <c r="CM83" s="58"/>
      <c r="CN83" s="58"/>
      <c r="CO83" s="58"/>
      <c r="CP83" s="58"/>
      <c r="CQ83" s="58"/>
      <c r="CR83" s="58"/>
      <c r="CS83" s="58"/>
      <c r="CT83" s="58"/>
      <c r="CU83" s="58"/>
      <c r="CV83" s="58"/>
      <c r="CW83" s="58"/>
      <c r="CX83" s="58"/>
      <c r="CY83" s="58"/>
      <c r="CZ83" s="58"/>
      <c r="DA83" s="58"/>
      <c r="DB83" s="58"/>
      <c r="DC83" s="58"/>
      <c r="DD83" s="58"/>
      <c r="DE83" s="58"/>
      <c r="DF83" s="58"/>
      <c r="DG83" s="58"/>
      <c r="DH83" s="58"/>
      <c r="DI83" s="58"/>
      <c r="DJ83" s="58"/>
      <c r="DK83" s="58"/>
      <c r="DL83" s="58"/>
      <c r="DM83" s="58"/>
      <c r="DN83" s="58"/>
      <c r="DO83" s="58"/>
      <c r="DP83" s="58"/>
      <c r="DQ83" s="58"/>
      <c r="DR83" s="58"/>
      <c r="DS83" s="58"/>
      <c r="DT83" s="58"/>
      <c r="DU83" s="58"/>
      <c r="DV83" s="58"/>
      <c r="DW83" s="58"/>
      <c r="DX83" s="58"/>
      <c r="DY83" s="58"/>
      <c r="DZ83" s="58"/>
      <c r="EA83" s="58"/>
      <c r="EB83" s="58"/>
      <c r="EC83" s="58"/>
      <c r="ED83" s="58"/>
      <c r="EE83" s="58"/>
      <c r="EF83" s="58"/>
      <c r="EG83" s="58"/>
      <c r="EH83" s="58"/>
      <c r="EI83" s="58"/>
      <c r="EJ83" s="58"/>
      <c r="EK83" s="58"/>
      <c r="EL83" s="58"/>
      <c r="EM83" s="58"/>
      <c r="EN83" s="58"/>
      <c r="EO83" s="58"/>
      <c r="EP83" s="58"/>
      <c r="EQ83" s="58"/>
      <c r="ER83" s="58"/>
      <c r="ES83" s="58"/>
      <c r="ET83" s="58"/>
      <c r="EU83" s="58"/>
      <c r="EV83" s="58"/>
      <c r="EW83" s="58"/>
      <c r="EX83" s="58"/>
      <c r="EY83" s="58"/>
      <c r="EZ83" s="58"/>
      <c r="FA83" s="58"/>
      <c r="FB83" s="58"/>
      <c r="FC83" s="58"/>
      <c r="FD83" s="58"/>
      <c r="FE83" s="58"/>
      <c r="FF83" s="58"/>
      <c r="FG83" s="58"/>
      <c r="FH83" s="58"/>
      <c r="FI83" s="58"/>
      <c r="FJ83" s="58"/>
      <c r="FK83" s="58"/>
      <c r="FL83" s="58"/>
      <c r="FM83" s="58"/>
      <c r="FN83" s="58"/>
      <c r="FO83" s="58"/>
      <c r="FP83" s="58"/>
      <c r="FQ83" s="58"/>
      <c r="FR83" s="58"/>
      <c r="FS83" s="58"/>
      <c r="FT83" s="58"/>
      <c r="FU83" s="58"/>
      <c r="FV83" s="58"/>
      <c r="FW83" s="58"/>
      <c r="FX83" s="58"/>
      <c r="FY83" s="58"/>
      <c r="FZ83" s="58"/>
      <c r="GA83" s="58"/>
      <c r="GB83" s="58"/>
      <c r="GC83" s="58"/>
      <c r="GD83" s="58"/>
      <c r="GE83" s="58"/>
      <c r="GF83" s="58"/>
      <c r="GG83" s="58"/>
      <c r="GH83" s="58"/>
      <c r="GI83" s="58"/>
      <c r="GJ83" s="58"/>
      <c r="GK83" s="58"/>
      <c r="GL83" s="58"/>
      <c r="GM83" s="58"/>
      <c r="GN83" s="58"/>
      <c r="GO83" s="58"/>
      <c r="GP83" s="58"/>
      <c r="GQ83" s="58"/>
      <c r="GR83" s="58"/>
      <c r="GS83" s="58"/>
      <c r="GT83" s="58"/>
      <c r="GU83" s="58"/>
      <c r="GV83" s="58"/>
      <c r="GW83" s="58"/>
      <c r="GX83" s="58"/>
      <c r="GY83" s="58"/>
      <c r="GZ83" s="58"/>
      <c r="HA83" s="58"/>
      <c r="HB83" s="58"/>
      <c r="HC83" s="58"/>
      <c r="HD83" s="58"/>
      <c r="HE83" s="58"/>
      <c r="HF83" s="58"/>
      <c r="HG83" s="58"/>
      <c r="HH83" s="58"/>
      <c r="HI83" s="58"/>
      <c r="HJ83" s="58"/>
      <c r="HK83" s="58"/>
      <c r="HL83" s="58"/>
      <c r="HM83" s="58"/>
      <c r="HN83" s="58"/>
      <c r="HO83" s="58"/>
      <c r="HP83" s="58"/>
      <c r="HQ83" s="58"/>
      <c r="HR83" s="58"/>
      <c r="HS83" s="58"/>
      <c r="HT83" s="58"/>
      <c r="HU83" s="58"/>
      <c r="HV83" s="58"/>
      <c r="HW83" s="58"/>
      <c r="HX83" s="58"/>
      <c r="HY83" s="58"/>
      <c r="HZ83" s="58"/>
      <c r="IA83" s="58"/>
      <c r="IB83" s="58"/>
      <c r="IC83" s="58"/>
      <c r="ID83" s="58"/>
      <c r="IE83" s="58"/>
      <c r="IF83" s="58"/>
      <c r="IG83" s="58"/>
      <c r="IH83" s="58"/>
      <c r="II83" s="58"/>
      <c r="IJ83" s="58"/>
      <c r="IK83" s="58"/>
      <c r="IL83" s="58"/>
      <c r="IM83" s="58"/>
      <c r="IN83" s="58"/>
      <c r="IO83" s="58"/>
      <c r="IP83" s="58"/>
      <c r="IQ83" s="58"/>
    </row>
    <row r="84" spans="1:251" ht="38.25">
      <c r="A84" s="58"/>
      <c r="B84" s="74">
        <v>53</v>
      </c>
      <c r="C84" s="76" t="s">
        <v>266</v>
      </c>
      <c r="D84" s="73"/>
      <c r="E84" s="73"/>
      <c r="F84" s="58"/>
      <c r="G84" s="58"/>
      <c r="H84" s="58"/>
      <c r="I84" s="58"/>
      <c r="J84" s="58"/>
      <c r="K84" s="58"/>
      <c r="L84" s="58"/>
      <c r="M84" s="58"/>
      <c r="N84" s="58"/>
      <c r="O84" s="58"/>
      <c r="P84" s="58"/>
      <c r="Q84" s="58"/>
      <c r="R84" s="58"/>
      <c r="S84" s="58"/>
      <c r="T84" s="58"/>
      <c r="U84" s="58"/>
      <c r="V84" s="58"/>
      <c r="W84" s="58"/>
      <c r="X84" s="58"/>
      <c r="Y84" s="58"/>
      <c r="Z84" s="58"/>
      <c r="AA84" s="58"/>
      <c r="AB84" s="58"/>
      <c r="AC84" s="58"/>
      <c r="AD84" s="58"/>
      <c r="AE84" s="58"/>
      <c r="AF84" s="58"/>
      <c r="AG84" s="58"/>
      <c r="AH84" s="58"/>
      <c r="AI84" s="58"/>
      <c r="AJ84" s="58"/>
      <c r="AK84" s="58"/>
      <c r="AL84" s="58"/>
      <c r="AM84" s="58"/>
      <c r="AN84" s="58"/>
      <c r="AO84" s="58"/>
      <c r="AP84" s="58"/>
      <c r="AQ84" s="58"/>
      <c r="AR84" s="58"/>
      <c r="AS84" s="58"/>
      <c r="AT84" s="58"/>
      <c r="AU84" s="58"/>
      <c r="AV84" s="58"/>
      <c r="AW84" s="58"/>
      <c r="AX84" s="58"/>
      <c r="AY84" s="58"/>
      <c r="AZ84" s="58"/>
      <c r="BA84" s="58"/>
      <c r="BB84" s="58"/>
      <c r="BC84" s="58"/>
      <c r="BD84" s="58"/>
      <c r="BE84" s="58"/>
      <c r="BF84" s="58"/>
      <c r="BG84" s="58"/>
      <c r="BH84" s="58"/>
      <c r="BI84" s="58"/>
      <c r="BJ84" s="58"/>
      <c r="BK84" s="58"/>
      <c r="BL84" s="58"/>
      <c r="BM84" s="58"/>
      <c r="BN84" s="58"/>
      <c r="BO84" s="58"/>
      <c r="BP84" s="58"/>
      <c r="BQ84" s="58"/>
      <c r="BR84" s="58"/>
      <c r="BS84" s="58"/>
      <c r="BT84" s="58"/>
      <c r="BU84" s="58"/>
      <c r="BV84" s="58"/>
      <c r="BW84" s="58"/>
      <c r="BX84" s="58"/>
      <c r="BY84" s="58"/>
      <c r="BZ84" s="58"/>
      <c r="CA84" s="58"/>
      <c r="CB84" s="58"/>
      <c r="CC84" s="58"/>
      <c r="CD84" s="58"/>
      <c r="CE84" s="58"/>
      <c r="CF84" s="58"/>
      <c r="CG84" s="58"/>
      <c r="CH84" s="58"/>
      <c r="CI84" s="58"/>
      <c r="CJ84" s="58"/>
      <c r="CK84" s="58"/>
      <c r="CL84" s="58"/>
      <c r="CM84" s="58"/>
      <c r="CN84" s="58"/>
      <c r="CO84" s="58"/>
      <c r="CP84" s="58"/>
      <c r="CQ84" s="58"/>
      <c r="CR84" s="58"/>
      <c r="CS84" s="58"/>
      <c r="CT84" s="58"/>
      <c r="CU84" s="58"/>
      <c r="CV84" s="58"/>
      <c r="CW84" s="58"/>
      <c r="CX84" s="58"/>
      <c r="CY84" s="58"/>
      <c r="CZ84" s="58"/>
      <c r="DA84" s="58"/>
      <c r="DB84" s="58"/>
      <c r="DC84" s="58"/>
      <c r="DD84" s="58"/>
      <c r="DE84" s="58"/>
      <c r="DF84" s="58"/>
      <c r="DG84" s="58"/>
      <c r="DH84" s="58"/>
      <c r="DI84" s="58"/>
      <c r="DJ84" s="58"/>
      <c r="DK84" s="58"/>
      <c r="DL84" s="58"/>
      <c r="DM84" s="58"/>
      <c r="DN84" s="58"/>
      <c r="DO84" s="58"/>
      <c r="DP84" s="58"/>
      <c r="DQ84" s="58"/>
      <c r="DR84" s="58"/>
      <c r="DS84" s="58"/>
      <c r="DT84" s="58"/>
      <c r="DU84" s="58"/>
      <c r="DV84" s="58"/>
      <c r="DW84" s="58"/>
      <c r="DX84" s="58"/>
      <c r="DY84" s="58"/>
      <c r="DZ84" s="58"/>
      <c r="EA84" s="58"/>
      <c r="EB84" s="58"/>
      <c r="EC84" s="58"/>
      <c r="ED84" s="58"/>
      <c r="EE84" s="58"/>
      <c r="EF84" s="58"/>
      <c r="EG84" s="58"/>
      <c r="EH84" s="58"/>
      <c r="EI84" s="58"/>
      <c r="EJ84" s="58"/>
      <c r="EK84" s="58"/>
      <c r="EL84" s="58"/>
      <c r="EM84" s="58"/>
      <c r="EN84" s="58"/>
      <c r="EO84" s="58"/>
      <c r="EP84" s="58"/>
      <c r="EQ84" s="58"/>
      <c r="ER84" s="58"/>
      <c r="ES84" s="58"/>
      <c r="ET84" s="58"/>
      <c r="EU84" s="58"/>
      <c r="EV84" s="58"/>
      <c r="EW84" s="58"/>
      <c r="EX84" s="58"/>
      <c r="EY84" s="58"/>
      <c r="EZ84" s="58"/>
      <c r="FA84" s="58"/>
      <c r="FB84" s="58"/>
      <c r="FC84" s="58"/>
      <c r="FD84" s="58"/>
      <c r="FE84" s="58"/>
      <c r="FF84" s="58"/>
      <c r="FG84" s="58"/>
      <c r="FH84" s="58"/>
      <c r="FI84" s="58"/>
      <c r="FJ84" s="58"/>
      <c r="FK84" s="58"/>
      <c r="FL84" s="58"/>
      <c r="FM84" s="58"/>
      <c r="FN84" s="58"/>
      <c r="FO84" s="58"/>
      <c r="FP84" s="58"/>
      <c r="FQ84" s="58"/>
      <c r="FR84" s="58"/>
      <c r="FS84" s="58"/>
      <c r="FT84" s="58"/>
      <c r="FU84" s="58"/>
      <c r="FV84" s="58"/>
      <c r="FW84" s="58"/>
      <c r="FX84" s="58"/>
      <c r="FY84" s="58"/>
      <c r="FZ84" s="58"/>
      <c r="GA84" s="58"/>
      <c r="GB84" s="58"/>
      <c r="GC84" s="58"/>
      <c r="GD84" s="58"/>
      <c r="GE84" s="58"/>
      <c r="GF84" s="58"/>
      <c r="GG84" s="58"/>
      <c r="GH84" s="58"/>
      <c r="GI84" s="58"/>
      <c r="GJ84" s="58"/>
      <c r="GK84" s="58"/>
      <c r="GL84" s="58"/>
      <c r="GM84" s="58"/>
      <c r="GN84" s="58"/>
      <c r="GO84" s="58"/>
      <c r="GP84" s="58"/>
      <c r="GQ84" s="58"/>
      <c r="GR84" s="58"/>
      <c r="GS84" s="58"/>
      <c r="GT84" s="58"/>
      <c r="GU84" s="58"/>
      <c r="GV84" s="58"/>
      <c r="GW84" s="58"/>
      <c r="GX84" s="58"/>
      <c r="GY84" s="58"/>
      <c r="GZ84" s="58"/>
      <c r="HA84" s="58"/>
      <c r="HB84" s="58"/>
      <c r="HC84" s="58"/>
      <c r="HD84" s="58"/>
      <c r="HE84" s="58"/>
      <c r="HF84" s="58"/>
      <c r="HG84" s="58"/>
      <c r="HH84" s="58"/>
      <c r="HI84" s="58"/>
      <c r="HJ84" s="58"/>
      <c r="HK84" s="58"/>
      <c r="HL84" s="58"/>
      <c r="HM84" s="58"/>
      <c r="HN84" s="58"/>
      <c r="HO84" s="58"/>
      <c r="HP84" s="58"/>
      <c r="HQ84" s="58"/>
      <c r="HR84" s="58"/>
      <c r="HS84" s="58"/>
      <c r="HT84" s="58"/>
      <c r="HU84" s="58"/>
      <c r="HV84" s="58"/>
      <c r="HW84" s="58"/>
      <c r="HX84" s="58"/>
      <c r="HY84" s="58"/>
      <c r="HZ84" s="58"/>
      <c r="IA84" s="58"/>
      <c r="IB84" s="58"/>
      <c r="IC84" s="58"/>
      <c r="ID84" s="58"/>
      <c r="IE84" s="58"/>
      <c r="IF84" s="58"/>
      <c r="IG84" s="58"/>
      <c r="IH84" s="58"/>
      <c r="II84" s="58"/>
      <c r="IJ84" s="58"/>
      <c r="IK84" s="58"/>
      <c r="IL84" s="58"/>
      <c r="IM84" s="58"/>
      <c r="IN84" s="58"/>
      <c r="IO84" s="58"/>
      <c r="IP84" s="58"/>
      <c r="IQ84" s="58"/>
    </row>
    <row r="85" spans="1:251" ht="39" thickBot="1">
      <c r="A85" s="58"/>
      <c r="B85" s="74">
        <v>54</v>
      </c>
      <c r="C85" s="76" t="s">
        <v>267</v>
      </c>
      <c r="D85" s="73"/>
      <c r="E85" s="73"/>
    </row>
    <row r="86" spans="1:251" ht="13.5" thickBot="1">
      <c r="A86" s="58"/>
      <c r="B86" s="79" t="s">
        <v>268</v>
      </c>
      <c r="C86" s="80" t="s">
        <v>269</v>
      </c>
      <c r="D86" s="73"/>
      <c r="E86" s="73"/>
    </row>
    <row r="87" spans="1:251" ht="13.5" thickBot="1">
      <c r="A87" s="58"/>
      <c r="B87" s="79" t="s">
        <v>270</v>
      </c>
      <c r="C87" s="80" t="s">
        <v>271</v>
      </c>
      <c r="D87" s="73"/>
      <c r="E87" s="73"/>
    </row>
    <row r="88" spans="1:251" ht="39" thickBot="1">
      <c r="A88" s="58"/>
      <c r="B88" s="74">
        <v>55</v>
      </c>
      <c r="C88" s="76" t="s">
        <v>272</v>
      </c>
      <c r="D88" s="73">
        <v>-2575</v>
      </c>
      <c r="E88" s="73">
        <v>-2575</v>
      </c>
    </row>
    <row r="89" spans="1:251" ht="26.25" thickBot="1">
      <c r="A89" s="58"/>
      <c r="B89" s="79">
        <v>56</v>
      </c>
      <c r="C89" s="80" t="s">
        <v>273</v>
      </c>
      <c r="D89" s="73"/>
      <c r="E89" s="73"/>
    </row>
    <row r="90" spans="1:251" ht="26.25" thickBot="1">
      <c r="A90" s="58"/>
      <c r="B90" s="79" t="s">
        <v>274</v>
      </c>
      <c r="C90" s="80" t="s">
        <v>275</v>
      </c>
      <c r="D90" s="73"/>
      <c r="E90" s="73"/>
    </row>
    <row r="91" spans="1:251" ht="26.25" thickBot="1">
      <c r="A91" s="58"/>
      <c r="B91" s="79" t="s">
        <v>276</v>
      </c>
      <c r="C91" s="80" t="s">
        <v>277</v>
      </c>
      <c r="D91" s="73"/>
      <c r="E91" s="73"/>
      <c r="F91" s="58"/>
      <c r="G91" s="58"/>
      <c r="H91" s="58"/>
      <c r="I91" s="58"/>
      <c r="J91" s="58"/>
      <c r="K91" s="58"/>
      <c r="L91" s="58"/>
      <c r="M91" s="58"/>
      <c r="N91" s="58"/>
      <c r="O91" s="58"/>
      <c r="P91" s="58"/>
      <c r="Q91" s="58"/>
      <c r="R91" s="58"/>
      <c r="S91" s="58"/>
      <c r="T91" s="58"/>
      <c r="U91" s="58"/>
      <c r="V91" s="58"/>
      <c r="W91" s="58"/>
      <c r="X91" s="58"/>
      <c r="Y91" s="58"/>
      <c r="Z91" s="58"/>
      <c r="AA91" s="58"/>
      <c r="AB91" s="58"/>
      <c r="AC91" s="58"/>
      <c r="AD91" s="58"/>
      <c r="AE91" s="58"/>
      <c r="AF91" s="58"/>
      <c r="AG91" s="58"/>
      <c r="AH91" s="58"/>
      <c r="AI91" s="58"/>
      <c r="AJ91" s="58"/>
      <c r="AK91" s="58"/>
      <c r="AL91" s="58"/>
      <c r="AM91" s="58"/>
      <c r="AN91" s="58"/>
      <c r="AO91" s="58"/>
      <c r="AP91" s="58"/>
      <c r="AQ91" s="58"/>
      <c r="AR91" s="58"/>
      <c r="AS91" s="58"/>
      <c r="AT91" s="58"/>
      <c r="AU91" s="58"/>
      <c r="AV91" s="58"/>
      <c r="AW91" s="58"/>
      <c r="AX91" s="58"/>
      <c r="AY91" s="58"/>
      <c r="AZ91" s="58"/>
      <c r="BA91" s="58"/>
      <c r="BB91" s="58"/>
      <c r="BC91" s="58"/>
      <c r="BD91" s="58"/>
      <c r="BE91" s="58"/>
      <c r="BF91" s="58"/>
      <c r="BG91" s="58"/>
      <c r="BH91" s="58"/>
      <c r="BI91" s="58"/>
      <c r="BJ91" s="58"/>
      <c r="BK91" s="58"/>
      <c r="BL91" s="58"/>
      <c r="BM91" s="58"/>
      <c r="BN91" s="58"/>
      <c r="BO91" s="58"/>
      <c r="BP91" s="58"/>
      <c r="BQ91" s="58"/>
      <c r="BR91" s="58"/>
      <c r="BS91" s="58"/>
      <c r="BT91" s="58"/>
      <c r="BU91" s="58"/>
      <c r="BV91" s="58"/>
      <c r="BW91" s="58"/>
      <c r="BX91" s="58"/>
      <c r="BY91" s="58"/>
      <c r="BZ91" s="58"/>
      <c r="CA91" s="58"/>
      <c r="CB91" s="58"/>
      <c r="CC91" s="58"/>
      <c r="CD91" s="58"/>
      <c r="CE91" s="58"/>
      <c r="CF91" s="58"/>
      <c r="CG91" s="58"/>
      <c r="CH91" s="58"/>
      <c r="CI91" s="58"/>
      <c r="CJ91" s="58"/>
      <c r="CK91" s="58"/>
      <c r="CL91" s="58"/>
      <c r="CM91" s="58"/>
      <c r="CN91" s="58"/>
      <c r="CO91" s="58"/>
      <c r="CP91" s="58"/>
      <c r="CQ91" s="58"/>
      <c r="CR91" s="58"/>
      <c r="CS91" s="58"/>
      <c r="CT91" s="58"/>
      <c r="CU91" s="58"/>
      <c r="CV91" s="58"/>
      <c r="CW91" s="58"/>
      <c r="CX91" s="58"/>
      <c r="CY91" s="58"/>
      <c r="CZ91" s="58"/>
      <c r="DA91" s="58"/>
      <c r="DB91" s="58"/>
      <c r="DC91" s="58"/>
      <c r="DD91" s="58"/>
      <c r="DE91" s="58"/>
      <c r="DF91" s="58"/>
      <c r="DG91" s="58"/>
      <c r="DH91" s="58"/>
      <c r="DI91" s="58"/>
      <c r="DJ91" s="58"/>
      <c r="DK91" s="58"/>
      <c r="DL91" s="58"/>
      <c r="DM91" s="58"/>
      <c r="DN91" s="58"/>
      <c r="DO91" s="58"/>
      <c r="DP91" s="58"/>
      <c r="DQ91" s="58"/>
      <c r="DR91" s="58"/>
      <c r="DS91" s="58"/>
      <c r="DT91" s="58"/>
      <c r="DU91" s="58"/>
      <c r="DV91" s="58"/>
      <c r="DW91" s="58"/>
      <c r="DX91" s="58"/>
      <c r="DY91" s="58"/>
      <c r="DZ91" s="58"/>
      <c r="EA91" s="58"/>
      <c r="EB91" s="58"/>
      <c r="EC91" s="58"/>
      <c r="ED91" s="58"/>
      <c r="EE91" s="58"/>
      <c r="EF91" s="58"/>
      <c r="EG91" s="58"/>
      <c r="EH91" s="58"/>
      <c r="EI91" s="58"/>
      <c r="EJ91" s="58"/>
      <c r="EK91" s="58"/>
      <c r="EL91" s="58"/>
      <c r="EM91" s="58"/>
      <c r="EN91" s="58"/>
      <c r="EO91" s="58"/>
      <c r="EP91" s="58"/>
      <c r="EQ91" s="58"/>
      <c r="ER91" s="58"/>
      <c r="ES91" s="58"/>
      <c r="ET91" s="58"/>
      <c r="EU91" s="58"/>
      <c r="EV91" s="58"/>
      <c r="EW91" s="58"/>
      <c r="EX91" s="58"/>
      <c r="EY91" s="58"/>
      <c r="EZ91" s="58"/>
      <c r="FA91" s="58"/>
      <c r="FB91" s="58"/>
      <c r="FC91" s="58"/>
      <c r="FD91" s="58"/>
      <c r="FE91" s="58"/>
      <c r="FF91" s="58"/>
      <c r="FG91" s="58"/>
      <c r="FH91" s="58"/>
      <c r="FI91" s="58"/>
      <c r="FJ91" s="58"/>
      <c r="FK91" s="58"/>
      <c r="FL91" s="58"/>
      <c r="FM91" s="58"/>
      <c r="FN91" s="58"/>
      <c r="FO91" s="58"/>
      <c r="FP91" s="58"/>
      <c r="FQ91" s="58"/>
      <c r="FR91" s="58"/>
      <c r="FS91" s="58"/>
      <c r="FT91" s="58"/>
      <c r="FU91" s="58"/>
      <c r="FV91" s="58"/>
      <c r="FW91" s="58"/>
      <c r="FX91" s="58"/>
      <c r="FY91" s="58"/>
      <c r="FZ91" s="58"/>
      <c r="GA91" s="58"/>
      <c r="GB91" s="58"/>
      <c r="GC91" s="58"/>
      <c r="GD91" s="58"/>
      <c r="GE91" s="58"/>
      <c r="GF91" s="58"/>
      <c r="GG91" s="58"/>
      <c r="GH91" s="58"/>
      <c r="GI91" s="58"/>
      <c r="GJ91" s="58"/>
      <c r="GK91" s="58"/>
      <c r="GL91" s="58"/>
      <c r="GM91" s="58"/>
      <c r="GN91" s="58"/>
      <c r="GO91" s="58"/>
      <c r="GP91" s="58"/>
      <c r="GQ91" s="58"/>
      <c r="GR91" s="58"/>
      <c r="GS91" s="58"/>
      <c r="GT91" s="58"/>
      <c r="GU91" s="58"/>
      <c r="GV91" s="58"/>
      <c r="GW91" s="58"/>
      <c r="GX91" s="58"/>
      <c r="GY91" s="58"/>
      <c r="GZ91" s="58"/>
      <c r="HA91" s="58"/>
      <c r="HB91" s="58"/>
      <c r="HC91" s="58"/>
      <c r="HD91" s="58"/>
      <c r="HE91" s="58"/>
      <c r="HF91" s="58"/>
      <c r="HG91" s="58"/>
      <c r="HH91" s="58"/>
      <c r="HI91" s="58"/>
      <c r="HJ91" s="58"/>
      <c r="HK91" s="58"/>
      <c r="HL91" s="58"/>
      <c r="HM91" s="58"/>
      <c r="HN91" s="58"/>
      <c r="HO91" s="58"/>
      <c r="HP91" s="58"/>
      <c r="HQ91" s="58"/>
      <c r="HR91" s="58"/>
      <c r="HS91" s="58"/>
      <c r="HT91" s="58"/>
      <c r="HU91" s="58"/>
      <c r="HV91" s="58"/>
      <c r="HW91" s="58"/>
      <c r="HX91" s="58"/>
      <c r="HY91" s="58"/>
      <c r="HZ91" s="58"/>
      <c r="IA91" s="58"/>
      <c r="IB91" s="58"/>
      <c r="IC91" s="58"/>
      <c r="ID91" s="58"/>
      <c r="IE91" s="58"/>
      <c r="IF91" s="58"/>
      <c r="IG91" s="58"/>
      <c r="IH91" s="58"/>
      <c r="II91" s="58"/>
      <c r="IJ91" s="58"/>
      <c r="IK91" s="58"/>
      <c r="IL91" s="58"/>
      <c r="IM91" s="58"/>
      <c r="IN91" s="58"/>
      <c r="IO91" s="58"/>
      <c r="IP91" s="58"/>
      <c r="IQ91" s="58"/>
    </row>
    <row r="92" spans="1:251" ht="25.5">
      <c r="A92" s="58"/>
      <c r="B92" s="88" t="s">
        <v>278</v>
      </c>
      <c r="C92" s="89" t="s">
        <v>279</v>
      </c>
      <c r="D92" s="84"/>
      <c r="E92" s="84"/>
      <c r="F92" s="58"/>
      <c r="G92" s="58"/>
      <c r="H92" s="58"/>
      <c r="I92" s="58"/>
      <c r="J92" s="58"/>
      <c r="K92" s="58"/>
      <c r="L92" s="58"/>
      <c r="M92" s="58"/>
      <c r="N92" s="58"/>
      <c r="O92" s="58"/>
      <c r="P92" s="58"/>
      <c r="Q92" s="58"/>
      <c r="R92" s="58"/>
      <c r="S92" s="58"/>
      <c r="T92" s="58"/>
      <c r="U92" s="58"/>
      <c r="V92" s="58"/>
      <c r="W92" s="58"/>
      <c r="X92" s="58"/>
      <c r="Y92" s="58"/>
      <c r="Z92" s="58"/>
      <c r="AA92" s="58"/>
      <c r="AB92" s="58"/>
      <c r="AC92" s="58"/>
      <c r="AD92" s="58"/>
      <c r="AE92" s="58"/>
      <c r="AF92" s="58"/>
      <c r="AG92" s="58"/>
      <c r="AH92" s="58"/>
      <c r="AI92" s="58"/>
      <c r="AJ92" s="58"/>
      <c r="AK92" s="58"/>
      <c r="AL92" s="58"/>
      <c r="AM92" s="58"/>
      <c r="AN92" s="58"/>
      <c r="AO92" s="58"/>
      <c r="AP92" s="58"/>
      <c r="AQ92" s="58"/>
      <c r="AR92" s="58"/>
      <c r="AS92" s="58"/>
      <c r="AT92" s="58"/>
      <c r="AU92" s="58"/>
      <c r="AV92" s="58"/>
      <c r="AW92" s="58"/>
      <c r="AX92" s="58"/>
      <c r="AY92" s="58"/>
      <c r="AZ92" s="58"/>
      <c r="BA92" s="58"/>
      <c r="BB92" s="58"/>
      <c r="BC92" s="58"/>
      <c r="BD92" s="58"/>
      <c r="BE92" s="58"/>
      <c r="BF92" s="58"/>
      <c r="BG92" s="58"/>
      <c r="BH92" s="58"/>
      <c r="BI92" s="58"/>
      <c r="BJ92" s="58"/>
      <c r="BK92" s="58"/>
      <c r="BL92" s="58"/>
      <c r="BM92" s="58"/>
      <c r="BN92" s="58"/>
      <c r="BO92" s="58"/>
      <c r="BP92" s="58"/>
      <c r="BQ92" s="58"/>
      <c r="BR92" s="58"/>
      <c r="BS92" s="58"/>
      <c r="BT92" s="58"/>
      <c r="BU92" s="58"/>
      <c r="BV92" s="58"/>
      <c r="BW92" s="58"/>
      <c r="BX92" s="58"/>
      <c r="BY92" s="58"/>
      <c r="BZ92" s="58"/>
      <c r="CA92" s="58"/>
      <c r="CB92" s="58"/>
      <c r="CC92" s="58"/>
      <c r="CD92" s="58"/>
      <c r="CE92" s="58"/>
      <c r="CF92" s="58"/>
      <c r="CG92" s="58"/>
      <c r="CH92" s="58"/>
      <c r="CI92" s="58"/>
      <c r="CJ92" s="58"/>
      <c r="CK92" s="58"/>
      <c r="CL92" s="58"/>
      <c r="CM92" s="58"/>
      <c r="CN92" s="58"/>
      <c r="CO92" s="58"/>
      <c r="CP92" s="58"/>
      <c r="CQ92" s="58"/>
      <c r="CR92" s="58"/>
      <c r="CS92" s="58"/>
      <c r="CT92" s="58"/>
      <c r="CU92" s="58"/>
      <c r="CV92" s="58"/>
      <c r="CW92" s="58"/>
      <c r="CX92" s="58"/>
      <c r="CY92" s="58"/>
      <c r="CZ92" s="58"/>
      <c r="DA92" s="58"/>
      <c r="DB92" s="58"/>
      <c r="DC92" s="58"/>
      <c r="DD92" s="58"/>
      <c r="DE92" s="58"/>
      <c r="DF92" s="58"/>
      <c r="DG92" s="58"/>
      <c r="DH92" s="58"/>
      <c r="DI92" s="58"/>
      <c r="DJ92" s="58"/>
      <c r="DK92" s="58"/>
      <c r="DL92" s="58"/>
      <c r="DM92" s="58"/>
      <c r="DN92" s="58"/>
      <c r="DO92" s="58"/>
      <c r="DP92" s="58"/>
      <c r="DQ92" s="58"/>
      <c r="DR92" s="58"/>
      <c r="DS92" s="58"/>
      <c r="DT92" s="58"/>
      <c r="DU92" s="58"/>
      <c r="DV92" s="58"/>
      <c r="DW92" s="58"/>
      <c r="DX92" s="58"/>
      <c r="DY92" s="58"/>
      <c r="DZ92" s="58"/>
      <c r="EA92" s="58"/>
      <c r="EB92" s="58"/>
      <c r="EC92" s="58"/>
      <c r="ED92" s="58"/>
      <c r="EE92" s="58"/>
      <c r="EF92" s="58"/>
      <c r="EG92" s="58"/>
      <c r="EH92" s="58"/>
      <c r="EI92" s="58"/>
      <c r="EJ92" s="58"/>
      <c r="EK92" s="58"/>
      <c r="EL92" s="58"/>
      <c r="EM92" s="58"/>
      <c r="EN92" s="58"/>
      <c r="EO92" s="58"/>
      <c r="EP92" s="58"/>
      <c r="EQ92" s="58"/>
      <c r="ER92" s="58"/>
      <c r="ES92" s="58"/>
      <c r="ET92" s="58"/>
      <c r="EU92" s="58"/>
      <c r="EV92" s="58"/>
      <c r="EW92" s="58"/>
      <c r="EX92" s="58"/>
      <c r="EY92" s="58"/>
      <c r="EZ92" s="58"/>
      <c r="FA92" s="58"/>
      <c r="FB92" s="58"/>
      <c r="FC92" s="58"/>
      <c r="FD92" s="58"/>
      <c r="FE92" s="58"/>
      <c r="FF92" s="58"/>
      <c r="FG92" s="58"/>
      <c r="FH92" s="58"/>
      <c r="FI92" s="58"/>
      <c r="FJ92" s="58"/>
      <c r="FK92" s="58"/>
      <c r="FL92" s="58"/>
      <c r="FM92" s="58"/>
      <c r="FN92" s="58"/>
      <c r="FO92" s="58"/>
      <c r="FP92" s="58"/>
      <c r="FQ92" s="58"/>
      <c r="FR92" s="58"/>
      <c r="FS92" s="58"/>
      <c r="FT92" s="58"/>
      <c r="FU92" s="58"/>
      <c r="FV92" s="58"/>
      <c r="FW92" s="58"/>
      <c r="FX92" s="58"/>
      <c r="FY92" s="58"/>
      <c r="FZ92" s="58"/>
      <c r="GA92" s="58"/>
      <c r="GB92" s="58"/>
      <c r="GC92" s="58"/>
      <c r="GD92" s="58"/>
      <c r="GE92" s="58"/>
      <c r="GF92" s="58"/>
      <c r="GG92" s="58"/>
      <c r="GH92" s="58"/>
      <c r="GI92" s="58"/>
      <c r="GJ92" s="58"/>
      <c r="GK92" s="58"/>
      <c r="GL92" s="58"/>
      <c r="GM92" s="58"/>
      <c r="GN92" s="58"/>
      <c r="GO92" s="58"/>
      <c r="GP92" s="58"/>
      <c r="GQ92" s="58"/>
      <c r="GR92" s="58"/>
      <c r="GS92" s="58"/>
      <c r="GT92" s="58"/>
      <c r="GU92" s="58"/>
      <c r="GV92" s="58"/>
      <c r="GW92" s="58"/>
      <c r="GX92" s="58"/>
      <c r="GY92" s="58"/>
      <c r="GZ92" s="58"/>
      <c r="HA92" s="58"/>
      <c r="HB92" s="58"/>
      <c r="HC92" s="58"/>
      <c r="HD92" s="58"/>
      <c r="HE92" s="58"/>
      <c r="HF92" s="58"/>
      <c r="HG92" s="58"/>
      <c r="HH92" s="58"/>
      <c r="HI92" s="58"/>
      <c r="HJ92" s="58"/>
      <c r="HK92" s="58"/>
      <c r="HL92" s="58"/>
      <c r="HM92" s="58"/>
      <c r="HN92" s="58"/>
      <c r="HO92" s="58"/>
      <c r="HP92" s="58"/>
      <c r="HQ92" s="58"/>
      <c r="HR92" s="58"/>
      <c r="HS92" s="58"/>
      <c r="HT92" s="58"/>
      <c r="HU92" s="58"/>
      <c r="HV92" s="58"/>
      <c r="HW92" s="58"/>
      <c r="HX92" s="58"/>
      <c r="HY92" s="58"/>
      <c r="HZ92" s="58"/>
      <c r="IA92" s="58"/>
      <c r="IB92" s="58"/>
      <c r="IC92" s="58"/>
      <c r="ID92" s="58"/>
      <c r="IE92" s="58"/>
      <c r="IF92" s="58"/>
      <c r="IG92" s="58"/>
      <c r="IH92" s="58"/>
      <c r="II92" s="58"/>
      <c r="IJ92" s="58"/>
      <c r="IK92" s="58"/>
      <c r="IL92" s="58"/>
      <c r="IM92" s="58"/>
      <c r="IN92" s="58"/>
      <c r="IO92" s="58"/>
      <c r="IP92" s="58"/>
      <c r="IQ92" s="58"/>
    </row>
    <row r="93" spans="1:251" ht="12.75">
      <c r="A93" s="18"/>
      <c r="B93" s="86">
        <v>57</v>
      </c>
      <c r="C93" s="87" t="s">
        <v>280</v>
      </c>
      <c r="D93" s="87">
        <v>-2575</v>
      </c>
      <c r="E93" s="87">
        <v>-2575</v>
      </c>
      <c r="F93" s="18"/>
      <c r="G93" s="18"/>
      <c r="H93" s="18"/>
      <c r="I93" s="18"/>
      <c r="J93" s="18"/>
      <c r="K93" s="18"/>
      <c r="L93" s="18"/>
      <c r="M93" s="18"/>
      <c r="N93" s="18"/>
      <c r="O93" s="18"/>
      <c r="P93" s="18"/>
      <c r="Q93" s="18"/>
      <c r="R93" s="18"/>
      <c r="S93" s="18"/>
      <c r="T93" s="18"/>
      <c r="U93" s="18"/>
      <c r="V93" s="18"/>
      <c r="W93" s="18"/>
      <c r="X93" s="18"/>
      <c r="Y93" s="18"/>
      <c r="Z93" s="18"/>
      <c r="AA93" s="18"/>
      <c r="AB93" s="18"/>
      <c r="AC93" s="18"/>
      <c r="AD93" s="18"/>
      <c r="AE93" s="18"/>
      <c r="AF93" s="18"/>
      <c r="AG93" s="18"/>
      <c r="AH93" s="18"/>
      <c r="AI93" s="18"/>
      <c r="AJ93" s="18"/>
      <c r="AK93" s="18"/>
      <c r="AL93" s="18"/>
      <c r="AM93" s="18"/>
      <c r="AN93" s="18"/>
      <c r="AO93" s="18"/>
      <c r="AP93" s="18"/>
      <c r="AQ93" s="18"/>
      <c r="AR93" s="18"/>
      <c r="AS93" s="18"/>
      <c r="AT93" s="18"/>
      <c r="AU93" s="18"/>
      <c r="AV93" s="18"/>
      <c r="AW93" s="18"/>
      <c r="AX93" s="18"/>
      <c r="AY93" s="18"/>
      <c r="AZ93" s="18"/>
      <c r="BA93" s="18"/>
      <c r="BB93" s="18"/>
      <c r="BC93" s="18"/>
      <c r="BD93" s="18"/>
      <c r="BE93" s="18"/>
      <c r="BF93" s="18"/>
      <c r="BG93" s="18"/>
      <c r="BH93" s="18"/>
      <c r="BI93" s="18"/>
      <c r="BJ93" s="18"/>
      <c r="BK93" s="18"/>
      <c r="BL93" s="18"/>
      <c r="BM93" s="18"/>
      <c r="BN93" s="18"/>
      <c r="BO93" s="18"/>
      <c r="BP93" s="18"/>
      <c r="BQ93" s="18"/>
      <c r="BR93" s="18"/>
      <c r="BS93" s="18"/>
      <c r="BT93" s="18"/>
      <c r="BU93" s="18"/>
      <c r="BV93" s="18"/>
      <c r="BW93" s="18"/>
      <c r="BX93" s="18"/>
      <c r="BY93" s="18"/>
      <c r="BZ93" s="18"/>
      <c r="CA93" s="18"/>
      <c r="CB93" s="18"/>
      <c r="CC93" s="18"/>
      <c r="CD93" s="18"/>
      <c r="CE93" s="18"/>
      <c r="CF93" s="18"/>
      <c r="CG93" s="18"/>
      <c r="CH93" s="18"/>
      <c r="CI93" s="18"/>
      <c r="CJ93" s="18"/>
      <c r="CK93" s="18"/>
      <c r="CL93" s="18"/>
      <c r="CM93" s="18"/>
      <c r="CN93" s="18"/>
      <c r="CO93" s="18"/>
      <c r="CP93" s="18"/>
      <c r="CQ93" s="18"/>
      <c r="CR93" s="18"/>
      <c r="CS93" s="18"/>
      <c r="CT93" s="18"/>
      <c r="CU93" s="18"/>
      <c r="CV93" s="18"/>
      <c r="CW93" s="18"/>
      <c r="CX93" s="18"/>
      <c r="CY93" s="18"/>
      <c r="CZ93" s="18"/>
      <c r="DA93" s="18"/>
      <c r="DB93" s="18"/>
      <c r="DC93" s="18"/>
      <c r="DD93" s="18"/>
      <c r="DE93" s="18"/>
      <c r="DF93" s="18"/>
      <c r="DG93" s="18"/>
      <c r="DH93" s="18"/>
      <c r="DI93" s="18"/>
      <c r="DJ93" s="18"/>
      <c r="DK93" s="18"/>
      <c r="DL93" s="18"/>
      <c r="DM93" s="18"/>
      <c r="DN93" s="18"/>
      <c r="DO93" s="18"/>
      <c r="DP93" s="18"/>
      <c r="DQ93" s="18"/>
      <c r="DR93" s="18"/>
      <c r="DS93" s="18"/>
      <c r="DT93" s="18"/>
      <c r="DU93" s="18"/>
      <c r="DV93" s="18"/>
      <c r="DW93" s="18"/>
      <c r="DX93" s="18"/>
      <c r="DY93" s="18"/>
      <c r="DZ93" s="18"/>
      <c r="EA93" s="18"/>
      <c r="EB93" s="18"/>
      <c r="EC93" s="18"/>
      <c r="ED93" s="18"/>
      <c r="EE93" s="18"/>
      <c r="EF93" s="18"/>
      <c r="EG93" s="18"/>
      <c r="EH93" s="18"/>
      <c r="EI93" s="18"/>
      <c r="EJ93" s="18"/>
      <c r="EK93" s="18"/>
      <c r="EL93" s="18"/>
      <c r="EM93" s="18"/>
      <c r="EN93" s="18"/>
      <c r="EO93" s="18"/>
      <c r="EP93" s="18"/>
      <c r="EQ93" s="18"/>
      <c r="ER93" s="18"/>
      <c r="ES93" s="18"/>
      <c r="ET93" s="18"/>
      <c r="EU93" s="18"/>
      <c r="EV93" s="18"/>
      <c r="EW93" s="18"/>
      <c r="EX93" s="18"/>
      <c r="EY93" s="18"/>
      <c r="EZ93" s="18"/>
      <c r="FA93" s="18"/>
      <c r="FB93" s="18"/>
      <c r="FC93" s="18"/>
      <c r="FD93" s="18"/>
      <c r="FE93" s="18"/>
      <c r="FF93" s="18"/>
      <c r="FG93" s="18"/>
      <c r="FH93" s="18"/>
      <c r="FI93" s="18"/>
      <c r="FJ93" s="18"/>
      <c r="FK93" s="18"/>
      <c r="FL93" s="18"/>
      <c r="FM93" s="18"/>
      <c r="FN93" s="18"/>
      <c r="FO93" s="18"/>
      <c r="FP93" s="18"/>
      <c r="FQ93" s="18"/>
      <c r="FR93" s="18"/>
      <c r="FS93" s="18"/>
      <c r="FT93" s="18"/>
      <c r="FU93" s="18"/>
      <c r="FV93" s="18"/>
      <c r="FW93" s="18"/>
      <c r="FX93" s="18"/>
      <c r="FY93" s="18"/>
      <c r="FZ93" s="18"/>
      <c r="GA93" s="18"/>
      <c r="GB93" s="18"/>
      <c r="GC93" s="18"/>
      <c r="GD93" s="18"/>
      <c r="GE93" s="18"/>
      <c r="GF93" s="18"/>
      <c r="GG93" s="18"/>
      <c r="GH93" s="18"/>
      <c r="GI93" s="18"/>
      <c r="GJ93" s="18"/>
      <c r="GK93" s="18"/>
      <c r="GL93" s="18"/>
      <c r="GM93" s="18"/>
      <c r="GN93" s="18"/>
      <c r="GO93" s="18"/>
      <c r="GP93" s="18"/>
      <c r="GQ93" s="18"/>
      <c r="GR93" s="18"/>
      <c r="GS93" s="18"/>
      <c r="GT93" s="18"/>
      <c r="GU93" s="18"/>
      <c r="GV93" s="18"/>
      <c r="GW93" s="18"/>
      <c r="GX93" s="18"/>
      <c r="GY93" s="18"/>
      <c r="GZ93" s="18"/>
      <c r="HA93" s="18"/>
      <c r="HB93" s="18"/>
      <c r="HC93" s="18"/>
      <c r="HD93" s="18"/>
      <c r="HE93" s="18"/>
      <c r="HF93" s="18"/>
      <c r="HG93" s="18"/>
      <c r="HH93" s="18"/>
      <c r="HI93" s="18"/>
      <c r="HJ93" s="18"/>
      <c r="HK93" s="18"/>
      <c r="HL93" s="18"/>
      <c r="HM93" s="18"/>
      <c r="HN93" s="18"/>
      <c r="HO93" s="18"/>
      <c r="HP93" s="18"/>
      <c r="HQ93" s="18"/>
      <c r="HR93" s="18"/>
      <c r="HS93" s="18"/>
      <c r="HT93" s="18"/>
      <c r="HU93" s="18"/>
      <c r="HV93" s="18"/>
      <c r="HW93" s="18"/>
      <c r="HX93" s="18"/>
      <c r="HY93" s="18"/>
      <c r="HZ93" s="18"/>
      <c r="IA93" s="18"/>
      <c r="IB93" s="18"/>
      <c r="IC93" s="18"/>
      <c r="ID93" s="18"/>
      <c r="IE93" s="18"/>
      <c r="IF93" s="18"/>
      <c r="IG93" s="18"/>
      <c r="IH93" s="18"/>
      <c r="II93" s="18"/>
      <c r="IJ93" s="18"/>
      <c r="IK93" s="18"/>
      <c r="IL93" s="18"/>
      <c r="IM93" s="18"/>
      <c r="IN93" s="18"/>
      <c r="IO93" s="18"/>
      <c r="IP93" s="18"/>
      <c r="IQ93" s="18"/>
    </row>
    <row r="94" spans="1:251" ht="12.75">
      <c r="A94" s="58"/>
      <c r="B94" s="85">
        <v>58</v>
      </c>
      <c r="C94" s="90" t="s">
        <v>281</v>
      </c>
      <c r="D94" s="90">
        <v>22549.899999999998</v>
      </c>
      <c r="E94" s="90">
        <v>22334</v>
      </c>
      <c r="F94" s="58"/>
      <c r="G94" s="58"/>
      <c r="H94" s="58"/>
      <c r="I94" s="58"/>
      <c r="J94" s="58"/>
      <c r="K94" s="58"/>
      <c r="L94" s="58"/>
      <c r="M94" s="58"/>
      <c r="N94" s="58"/>
      <c r="O94" s="58"/>
      <c r="P94" s="58"/>
      <c r="Q94" s="58"/>
      <c r="R94" s="58"/>
      <c r="S94" s="58"/>
      <c r="T94" s="58"/>
      <c r="U94" s="58"/>
      <c r="V94" s="58"/>
      <c r="W94" s="58"/>
      <c r="X94" s="58"/>
      <c r="Y94" s="58"/>
      <c r="Z94" s="58"/>
      <c r="AA94" s="58"/>
      <c r="AB94" s="58"/>
      <c r="AC94" s="58"/>
      <c r="AD94" s="58"/>
      <c r="AE94" s="58"/>
      <c r="AF94" s="58"/>
      <c r="AG94" s="58"/>
      <c r="AH94" s="58"/>
      <c r="AI94" s="58"/>
      <c r="AJ94" s="58"/>
      <c r="AK94" s="58"/>
      <c r="AL94" s="58"/>
      <c r="AM94" s="58"/>
      <c r="AN94" s="58"/>
      <c r="AO94" s="58"/>
      <c r="AP94" s="58"/>
      <c r="AQ94" s="58"/>
      <c r="AR94" s="58"/>
      <c r="AS94" s="58"/>
      <c r="AT94" s="58"/>
      <c r="AU94" s="58"/>
      <c r="AV94" s="58"/>
      <c r="AW94" s="58"/>
      <c r="AX94" s="58"/>
      <c r="AY94" s="58"/>
      <c r="AZ94" s="58"/>
      <c r="BA94" s="58"/>
      <c r="BB94" s="58"/>
      <c r="BC94" s="58"/>
      <c r="BD94" s="58"/>
      <c r="BE94" s="58"/>
      <c r="BF94" s="58"/>
      <c r="BG94" s="58"/>
      <c r="BH94" s="58"/>
      <c r="BI94" s="58"/>
      <c r="BJ94" s="58"/>
      <c r="BK94" s="58"/>
      <c r="BL94" s="58"/>
      <c r="BM94" s="58"/>
      <c r="BN94" s="58"/>
      <c r="BO94" s="58"/>
      <c r="BP94" s="58"/>
      <c r="BQ94" s="58"/>
      <c r="BR94" s="58"/>
      <c r="BS94" s="58"/>
      <c r="BT94" s="58"/>
      <c r="BU94" s="58"/>
      <c r="BV94" s="58"/>
      <c r="BW94" s="58"/>
      <c r="BX94" s="58"/>
      <c r="BY94" s="58"/>
      <c r="BZ94" s="58"/>
      <c r="CA94" s="58"/>
      <c r="CB94" s="58"/>
      <c r="CC94" s="58"/>
      <c r="CD94" s="58"/>
      <c r="CE94" s="58"/>
      <c r="CF94" s="58"/>
      <c r="CG94" s="58"/>
      <c r="CH94" s="58"/>
      <c r="CI94" s="58"/>
      <c r="CJ94" s="58"/>
      <c r="CK94" s="58"/>
      <c r="CL94" s="58"/>
      <c r="CM94" s="58"/>
      <c r="CN94" s="58"/>
      <c r="CO94" s="58"/>
      <c r="CP94" s="58"/>
      <c r="CQ94" s="58"/>
      <c r="CR94" s="58"/>
      <c r="CS94" s="58"/>
      <c r="CT94" s="58"/>
      <c r="CU94" s="58"/>
      <c r="CV94" s="58"/>
      <c r="CW94" s="58"/>
      <c r="CX94" s="58"/>
      <c r="CY94" s="58"/>
      <c r="CZ94" s="58"/>
      <c r="DA94" s="58"/>
      <c r="DB94" s="58"/>
      <c r="DC94" s="58"/>
      <c r="DD94" s="58"/>
      <c r="DE94" s="58"/>
      <c r="DF94" s="58"/>
      <c r="DG94" s="58"/>
      <c r="DH94" s="58"/>
      <c r="DI94" s="58"/>
      <c r="DJ94" s="58"/>
      <c r="DK94" s="58"/>
      <c r="DL94" s="58"/>
      <c r="DM94" s="58"/>
      <c r="DN94" s="58"/>
      <c r="DO94" s="58"/>
      <c r="DP94" s="58"/>
      <c r="DQ94" s="58"/>
      <c r="DR94" s="58"/>
      <c r="DS94" s="58"/>
      <c r="DT94" s="58"/>
      <c r="DU94" s="58"/>
      <c r="DV94" s="58"/>
      <c r="DW94" s="58"/>
      <c r="DX94" s="58"/>
      <c r="DY94" s="58"/>
      <c r="DZ94" s="58"/>
      <c r="EA94" s="58"/>
      <c r="EB94" s="58"/>
      <c r="EC94" s="58"/>
      <c r="ED94" s="58"/>
      <c r="EE94" s="58"/>
      <c r="EF94" s="58"/>
      <c r="EG94" s="58"/>
      <c r="EH94" s="58"/>
      <c r="EI94" s="58"/>
      <c r="EJ94" s="58"/>
      <c r="EK94" s="58"/>
      <c r="EL94" s="58"/>
      <c r="EM94" s="58"/>
      <c r="EN94" s="58"/>
      <c r="EO94" s="58"/>
      <c r="EP94" s="58"/>
      <c r="EQ94" s="58"/>
      <c r="ER94" s="58"/>
      <c r="ES94" s="58"/>
      <c r="ET94" s="58"/>
      <c r="EU94" s="58"/>
      <c r="EV94" s="58"/>
      <c r="EW94" s="58"/>
      <c r="EX94" s="58"/>
      <c r="EY94" s="58"/>
      <c r="EZ94" s="58"/>
      <c r="FA94" s="58"/>
      <c r="FB94" s="58"/>
      <c r="FC94" s="58"/>
      <c r="FD94" s="58"/>
      <c r="FE94" s="58"/>
      <c r="FF94" s="58"/>
      <c r="FG94" s="58"/>
      <c r="FH94" s="58"/>
      <c r="FI94" s="58"/>
      <c r="FJ94" s="58"/>
      <c r="FK94" s="58"/>
      <c r="FL94" s="58"/>
      <c r="FM94" s="58"/>
      <c r="FN94" s="58"/>
      <c r="FO94" s="58"/>
      <c r="FP94" s="58"/>
      <c r="FQ94" s="58"/>
      <c r="FR94" s="58"/>
      <c r="FS94" s="58"/>
      <c r="FT94" s="58"/>
      <c r="FU94" s="58"/>
      <c r="FV94" s="58"/>
      <c r="FW94" s="58"/>
      <c r="FX94" s="58"/>
      <c r="FY94" s="58"/>
      <c r="FZ94" s="58"/>
      <c r="GA94" s="58"/>
      <c r="GB94" s="58"/>
      <c r="GC94" s="58"/>
      <c r="GD94" s="58"/>
      <c r="GE94" s="58"/>
      <c r="GF94" s="58"/>
      <c r="GG94" s="58"/>
      <c r="GH94" s="58"/>
      <c r="GI94" s="58"/>
      <c r="GJ94" s="58"/>
      <c r="GK94" s="58"/>
      <c r="GL94" s="58"/>
      <c r="GM94" s="58"/>
      <c r="GN94" s="58"/>
      <c r="GO94" s="58"/>
      <c r="GP94" s="58"/>
      <c r="GQ94" s="58"/>
      <c r="GR94" s="58"/>
      <c r="GS94" s="58"/>
      <c r="GT94" s="58"/>
      <c r="GU94" s="58"/>
      <c r="GV94" s="58"/>
      <c r="GW94" s="58"/>
      <c r="GX94" s="58"/>
      <c r="GY94" s="58"/>
      <c r="GZ94" s="58"/>
      <c r="HA94" s="58"/>
      <c r="HB94" s="58"/>
      <c r="HC94" s="58"/>
      <c r="HD94" s="58"/>
      <c r="HE94" s="58"/>
      <c r="HF94" s="58"/>
      <c r="HG94" s="58"/>
      <c r="HH94" s="58"/>
      <c r="HI94" s="58"/>
      <c r="HJ94" s="58"/>
      <c r="HK94" s="58"/>
      <c r="HL94" s="58"/>
      <c r="HM94" s="58"/>
      <c r="HN94" s="58"/>
      <c r="HO94" s="58"/>
      <c r="HP94" s="58"/>
      <c r="HQ94" s="58"/>
      <c r="HR94" s="58"/>
      <c r="HS94" s="58"/>
      <c r="HT94" s="58"/>
      <c r="HU94" s="58"/>
      <c r="HV94" s="58"/>
      <c r="HW94" s="58"/>
      <c r="HX94" s="58"/>
      <c r="HY94" s="58"/>
      <c r="HZ94" s="58"/>
      <c r="IA94" s="58"/>
      <c r="IB94" s="58"/>
      <c r="IC94" s="58"/>
      <c r="ID94" s="58"/>
      <c r="IE94" s="58"/>
      <c r="IF94" s="58"/>
      <c r="IG94" s="58"/>
      <c r="IH94" s="58"/>
      <c r="II94" s="58"/>
      <c r="IJ94" s="58"/>
      <c r="IK94" s="58"/>
      <c r="IL94" s="58"/>
      <c r="IM94" s="58"/>
      <c r="IN94" s="58"/>
      <c r="IO94" s="58"/>
      <c r="IP94" s="58"/>
      <c r="IQ94" s="58"/>
    </row>
    <row r="95" spans="1:251" ht="13.5" thickBot="1">
      <c r="A95" s="58"/>
      <c r="B95" s="75">
        <v>59</v>
      </c>
      <c r="C95" s="81" t="s">
        <v>282</v>
      </c>
      <c r="D95" s="81">
        <v>158495.1</v>
      </c>
      <c r="E95" s="81">
        <v>151491</v>
      </c>
      <c r="F95" s="58"/>
      <c r="G95" s="58"/>
      <c r="H95" s="58"/>
      <c r="I95" s="58"/>
      <c r="J95" s="58"/>
      <c r="K95" s="58"/>
      <c r="L95" s="58"/>
      <c r="M95" s="58"/>
      <c r="N95" s="58"/>
      <c r="O95" s="58"/>
      <c r="P95" s="58"/>
      <c r="Q95" s="58"/>
      <c r="R95" s="58"/>
      <c r="S95" s="58"/>
      <c r="T95" s="58"/>
      <c r="U95" s="58"/>
      <c r="V95" s="58"/>
      <c r="W95" s="58"/>
      <c r="X95" s="58"/>
      <c r="Y95" s="58"/>
      <c r="Z95" s="58"/>
      <c r="AA95" s="58"/>
      <c r="AB95" s="58"/>
      <c r="AC95" s="58"/>
      <c r="AD95" s="58"/>
      <c r="AE95" s="58"/>
      <c r="AF95" s="58"/>
      <c r="AG95" s="58"/>
      <c r="AH95" s="58"/>
      <c r="AI95" s="58"/>
      <c r="AJ95" s="58"/>
      <c r="AK95" s="58"/>
      <c r="AL95" s="58"/>
      <c r="AM95" s="58"/>
      <c r="AN95" s="58"/>
      <c r="AO95" s="58"/>
      <c r="AP95" s="58"/>
      <c r="AQ95" s="58"/>
      <c r="AR95" s="58"/>
      <c r="AS95" s="58"/>
      <c r="AT95" s="58"/>
      <c r="AU95" s="58"/>
      <c r="AV95" s="58"/>
      <c r="AW95" s="58"/>
      <c r="AX95" s="58"/>
      <c r="AY95" s="58"/>
      <c r="AZ95" s="58"/>
      <c r="BA95" s="58"/>
      <c r="BB95" s="58"/>
      <c r="BC95" s="58"/>
      <c r="BD95" s="58"/>
      <c r="BE95" s="58"/>
      <c r="BF95" s="58"/>
      <c r="BG95" s="58"/>
      <c r="BH95" s="58"/>
      <c r="BI95" s="58"/>
      <c r="BJ95" s="58"/>
      <c r="BK95" s="58"/>
      <c r="BL95" s="58"/>
      <c r="BM95" s="58"/>
      <c r="BN95" s="58"/>
      <c r="BO95" s="58"/>
      <c r="BP95" s="58"/>
      <c r="BQ95" s="58"/>
      <c r="BR95" s="58"/>
      <c r="BS95" s="58"/>
      <c r="BT95" s="58"/>
      <c r="BU95" s="58"/>
      <c r="BV95" s="58"/>
      <c r="BW95" s="58"/>
      <c r="BX95" s="58"/>
      <c r="BY95" s="58"/>
      <c r="BZ95" s="58"/>
      <c r="CA95" s="58"/>
      <c r="CB95" s="58"/>
      <c r="CC95" s="58"/>
      <c r="CD95" s="58"/>
      <c r="CE95" s="58"/>
      <c r="CF95" s="58"/>
      <c r="CG95" s="58"/>
      <c r="CH95" s="58"/>
      <c r="CI95" s="58"/>
      <c r="CJ95" s="58"/>
      <c r="CK95" s="58"/>
      <c r="CL95" s="58"/>
      <c r="CM95" s="58"/>
      <c r="CN95" s="58"/>
      <c r="CO95" s="58"/>
      <c r="CP95" s="58"/>
      <c r="CQ95" s="58"/>
      <c r="CR95" s="58"/>
      <c r="CS95" s="58"/>
      <c r="CT95" s="58"/>
      <c r="CU95" s="58"/>
      <c r="CV95" s="58"/>
      <c r="CW95" s="58"/>
      <c r="CX95" s="58"/>
      <c r="CY95" s="58"/>
      <c r="CZ95" s="58"/>
      <c r="DA95" s="58"/>
      <c r="DB95" s="58"/>
      <c r="DC95" s="58"/>
      <c r="DD95" s="58"/>
      <c r="DE95" s="58"/>
      <c r="DF95" s="58"/>
      <c r="DG95" s="58"/>
      <c r="DH95" s="58"/>
      <c r="DI95" s="58"/>
      <c r="DJ95" s="58"/>
      <c r="DK95" s="58"/>
      <c r="DL95" s="58"/>
      <c r="DM95" s="58"/>
      <c r="DN95" s="58"/>
      <c r="DO95" s="58"/>
      <c r="DP95" s="58"/>
      <c r="DQ95" s="58"/>
      <c r="DR95" s="58"/>
      <c r="DS95" s="58"/>
      <c r="DT95" s="58"/>
      <c r="DU95" s="58"/>
      <c r="DV95" s="58"/>
      <c r="DW95" s="58"/>
      <c r="DX95" s="58"/>
      <c r="DY95" s="58"/>
      <c r="DZ95" s="58"/>
      <c r="EA95" s="58"/>
      <c r="EB95" s="58"/>
      <c r="EC95" s="58"/>
      <c r="ED95" s="58"/>
      <c r="EE95" s="58"/>
      <c r="EF95" s="58"/>
      <c r="EG95" s="58"/>
      <c r="EH95" s="58"/>
      <c r="EI95" s="58"/>
      <c r="EJ95" s="58"/>
      <c r="EK95" s="58"/>
      <c r="EL95" s="58"/>
      <c r="EM95" s="58"/>
      <c r="EN95" s="58"/>
      <c r="EO95" s="58"/>
      <c r="EP95" s="58"/>
      <c r="EQ95" s="58"/>
      <c r="ER95" s="58"/>
      <c r="ES95" s="58"/>
      <c r="ET95" s="58"/>
      <c r="EU95" s="58"/>
      <c r="EV95" s="58"/>
      <c r="EW95" s="58"/>
      <c r="EX95" s="58"/>
      <c r="EY95" s="58"/>
      <c r="EZ95" s="58"/>
      <c r="FA95" s="58"/>
      <c r="FB95" s="58"/>
      <c r="FC95" s="58"/>
      <c r="FD95" s="58"/>
      <c r="FE95" s="58"/>
      <c r="FF95" s="58"/>
      <c r="FG95" s="58"/>
      <c r="FH95" s="58"/>
      <c r="FI95" s="58"/>
      <c r="FJ95" s="58"/>
      <c r="FK95" s="58"/>
      <c r="FL95" s="58"/>
      <c r="FM95" s="58"/>
      <c r="FN95" s="58"/>
      <c r="FO95" s="58"/>
      <c r="FP95" s="58"/>
      <c r="FQ95" s="58"/>
      <c r="FR95" s="58"/>
      <c r="FS95" s="58"/>
      <c r="FT95" s="58"/>
      <c r="FU95" s="58"/>
      <c r="FV95" s="58"/>
      <c r="FW95" s="58"/>
      <c r="FX95" s="58"/>
      <c r="FY95" s="58"/>
      <c r="FZ95" s="58"/>
      <c r="GA95" s="58"/>
      <c r="GB95" s="58"/>
      <c r="GC95" s="58"/>
      <c r="GD95" s="58"/>
      <c r="GE95" s="58"/>
      <c r="GF95" s="58"/>
      <c r="GG95" s="58"/>
      <c r="GH95" s="58"/>
      <c r="GI95" s="58"/>
      <c r="GJ95" s="58"/>
      <c r="GK95" s="58"/>
      <c r="GL95" s="58"/>
      <c r="GM95" s="58"/>
      <c r="GN95" s="58"/>
      <c r="GO95" s="58"/>
      <c r="GP95" s="58"/>
      <c r="GQ95" s="58"/>
      <c r="GR95" s="58"/>
      <c r="GS95" s="58"/>
      <c r="GT95" s="58"/>
      <c r="GU95" s="58"/>
      <c r="GV95" s="58"/>
      <c r="GW95" s="58"/>
      <c r="GX95" s="58"/>
      <c r="GY95" s="58"/>
      <c r="GZ95" s="58"/>
      <c r="HA95" s="58"/>
      <c r="HB95" s="58"/>
      <c r="HC95" s="58"/>
      <c r="HD95" s="58"/>
      <c r="HE95" s="58"/>
      <c r="HF95" s="58"/>
      <c r="HG95" s="58"/>
      <c r="HH95" s="58"/>
      <c r="HI95" s="58"/>
      <c r="HJ95" s="58"/>
      <c r="HK95" s="58"/>
      <c r="HL95" s="58"/>
      <c r="HM95" s="58"/>
      <c r="HN95" s="58"/>
      <c r="HO95" s="58"/>
      <c r="HP95" s="58"/>
      <c r="HQ95" s="58"/>
      <c r="HR95" s="58"/>
      <c r="HS95" s="58"/>
      <c r="HT95" s="58"/>
      <c r="HU95" s="58"/>
      <c r="HV95" s="58"/>
      <c r="HW95" s="58"/>
      <c r="HX95" s="58"/>
      <c r="HY95" s="58"/>
      <c r="HZ95" s="58"/>
      <c r="IA95" s="58"/>
      <c r="IB95" s="58"/>
      <c r="IC95" s="58"/>
      <c r="ID95" s="58"/>
      <c r="IE95" s="58"/>
      <c r="IF95" s="58"/>
      <c r="IG95" s="58"/>
      <c r="IH95" s="58"/>
      <c r="II95" s="58"/>
      <c r="IJ95" s="58"/>
      <c r="IK95" s="58"/>
      <c r="IL95" s="58"/>
      <c r="IM95" s="58"/>
      <c r="IN95" s="58"/>
      <c r="IO95" s="58"/>
      <c r="IP95" s="58"/>
      <c r="IQ95" s="58"/>
    </row>
    <row r="96" spans="1:251" ht="26.25" thickBot="1">
      <c r="A96" s="58"/>
      <c r="B96" s="79" t="s">
        <v>283</v>
      </c>
      <c r="C96" s="80" t="s">
        <v>284</v>
      </c>
      <c r="D96" s="73"/>
      <c r="E96" s="73"/>
    </row>
    <row r="97" spans="1:5" ht="39" thickBot="1">
      <c r="A97" s="58"/>
      <c r="B97" s="79"/>
      <c r="C97" s="80" t="s">
        <v>285</v>
      </c>
      <c r="D97" s="73"/>
      <c r="E97" s="73"/>
    </row>
    <row r="98" spans="1:5" ht="39" thickBot="1">
      <c r="A98" s="58"/>
      <c r="B98" s="79"/>
      <c r="C98" s="80" t="s">
        <v>286</v>
      </c>
      <c r="D98" s="73"/>
      <c r="E98" s="73"/>
    </row>
    <row r="99" spans="1:5" ht="51.75" thickBot="1">
      <c r="A99" s="58"/>
      <c r="B99" s="79"/>
      <c r="C99" s="80" t="s">
        <v>287</v>
      </c>
      <c r="D99" s="73"/>
      <c r="E99" s="73"/>
    </row>
    <row r="100" spans="1:5" ht="12.75">
      <c r="A100" s="58"/>
      <c r="B100" s="75">
        <v>60</v>
      </c>
      <c r="C100" s="81" t="s">
        <v>288</v>
      </c>
      <c r="D100" s="81">
        <v>616523</v>
      </c>
      <c r="E100" s="81">
        <v>609959</v>
      </c>
    </row>
    <row r="101" spans="1:5" ht="12.75">
      <c r="A101" s="58"/>
      <c r="B101" s="72" t="s">
        <v>289</v>
      </c>
      <c r="C101" s="73"/>
      <c r="D101" s="73"/>
      <c r="E101" s="73"/>
    </row>
    <row r="102" spans="1:5" ht="12.75">
      <c r="A102" s="58"/>
      <c r="B102" s="74">
        <v>61</v>
      </c>
      <c r="C102" s="76" t="s">
        <v>290</v>
      </c>
      <c r="D102" s="91">
        <v>0.189</v>
      </c>
      <c r="E102" s="91">
        <v>0.188</v>
      </c>
    </row>
    <row r="103" spans="1:5" ht="12.75">
      <c r="A103" s="58"/>
      <c r="B103" s="74">
        <v>62</v>
      </c>
      <c r="C103" s="73" t="s">
        <v>291</v>
      </c>
      <c r="D103" s="91">
        <v>0.221</v>
      </c>
      <c r="E103" s="91">
        <v>0.21199999999999999</v>
      </c>
    </row>
    <row r="104" spans="1:5" ht="12.75">
      <c r="A104" s="58"/>
      <c r="B104" s="74">
        <v>63</v>
      </c>
      <c r="C104" s="73" t="s">
        <v>292</v>
      </c>
      <c r="D104" s="91">
        <v>0.25700000000000001</v>
      </c>
      <c r="E104" s="91">
        <v>0.248</v>
      </c>
    </row>
    <row r="105" spans="1:5" ht="38.25">
      <c r="A105" s="58"/>
      <c r="B105" s="74">
        <v>64</v>
      </c>
      <c r="C105" s="76" t="s">
        <v>293</v>
      </c>
      <c r="D105" s="91">
        <v>0.109</v>
      </c>
      <c r="E105" s="91">
        <v>0.1069</v>
      </c>
    </row>
    <row r="106" spans="1:5" ht="12.75">
      <c r="A106" s="58"/>
      <c r="B106" s="74">
        <v>65</v>
      </c>
      <c r="C106" s="73" t="s">
        <v>294</v>
      </c>
      <c r="D106" s="91">
        <v>2.5000000000000001E-2</v>
      </c>
      <c r="E106" s="91">
        <v>2.5000000000000001E-2</v>
      </c>
    </row>
    <row r="107" spans="1:5" ht="12.75">
      <c r="A107" s="58"/>
      <c r="B107" s="74">
        <v>66</v>
      </c>
      <c r="C107" s="73" t="s">
        <v>295</v>
      </c>
      <c r="D107" s="91">
        <v>8.9999999999999993E-3</v>
      </c>
      <c r="E107" s="91">
        <v>6.8999999999999999E-3</v>
      </c>
    </row>
    <row r="108" spans="1:5" ht="12.75">
      <c r="A108" s="58"/>
      <c r="B108" s="74">
        <v>67</v>
      </c>
      <c r="C108" s="73" t="s">
        <v>296</v>
      </c>
      <c r="D108" s="91">
        <v>0.03</v>
      </c>
      <c r="E108" s="91">
        <v>0.03</v>
      </c>
    </row>
    <row r="109" spans="1:5" ht="25.5">
      <c r="A109" s="58"/>
      <c r="B109" s="74" t="s">
        <v>297</v>
      </c>
      <c r="C109" s="76" t="s">
        <v>298</v>
      </c>
      <c r="D109" s="92"/>
      <c r="E109" s="92"/>
    </row>
    <row r="110" spans="1:5" ht="12.75">
      <c r="A110" s="58"/>
      <c r="B110" s="74">
        <v>68</v>
      </c>
      <c r="C110" s="73" t="s">
        <v>299</v>
      </c>
      <c r="D110" s="91">
        <v>0.14399999999999999</v>
      </c>
      <c r="E110" s="91">
        <v>0.14299999999999999</v>
      </c>
    </row>
    <row r="111" spans="1:5" ht="12.75">
      <c r="A111" s="58"/>
      <c r="B111" s="74">
        <v>69</v>
      </c>
      <c r="C111" s="73" t="s">
        <v>300</v>
      </c>
      <c r="D111" s="73"/>
      <c r="E111" s="73"/>
    </row>
    <row r="112" spans="1:5" ht="12.75">
      <c r="A112" s="58"/>
      <c r="B112" s="74">
        <v>70</v>
      </c>
      <c r="C112" s="73" t="s">
        <v>300</v>
      </c>
      <c r="D112" s="73"/>
      <c r="E112" s="73"/>
    </row>
    <row r="113" spans="1:5" ht="12.75">
      <c r="A113" s="58"/>
      <c r="B113" s="74">
        <v>71</v>
      </c>
      <c r="C113" s="73" t="s">
        <v>300</v>
      </c>
      <c r="D113" s="73"/>
      <c r="E113" s="73"/>
    </row>
    <row r="114" spans="1:5" ht="12.75">
      <c r="A114" s="58"/>
      <c r="B114" s="72" t="s">
        <v>301</v>
      </c>
      <c r="C114" s="73"/>
      <c r="D114" s="73"/>
      <c r="E114" s="73"/>
    </row>
    <row r="115" spans="1:5" ht="25.5">
      <c r="A115" s="58"/>
      <c r="B115" s="74">
        <v>72</v>
      </c>
      <c r="C115" s="76" t="s">
        <v>302</v>
      </c>
      <c r="D115" s="73"/>
      <c r="E115" s="73"/>
    </row>
    <row r="116" spans="1:5" ht="38.25">
      <c r="A116" s="58"/>
      <c r="B116" s="74">
        <v>73</v>
      </c>
      <c r="C116" s="76" t="s">
        <v>303</v>
      </c>
      <c r="D116" s="73">
        <v>6653</v>
      </c>
      <c r="E116" s="73">
        <v>6653</v>
      </c>
    </row>
    <row r="117" spans="1:5" ht="12.75">
      <c r="A117" s="58"/>
      <c r="B117" s="74">
        <v>74</v>
      </c>
      <c r="C117" s="73" t="s">
        <v>196</v>
      </c>
      <c r="D117" s="73"/>
      <c r="E117" s="73"/>
    </row>
    <row r="118" spans="1:5" ht="25.5">
      <c r="A118" s="58"/>
      <c r="B118" s="74">
        <v>75</v>
      </c>
      <c r="C118" s="76" t="s">
        <v>304</v>
      </c>
      <c r="D118" s="73">
        <v>167</v>
      </c>
      <c r="E118" s="73">
        <v>208</v>
      </c>
    </row>
    <row r="119" spans="1:5" ht="12.75">
      <c r="A119" s="58"/>
      <c r="B119" s="72" t="s">
        <v>305</v>
      </c>
      <c r="C119" s="73"/>
      <c r="D119" s="73"/>
      <c r="E119" s="73"/>
    </row>
    <row r="120" spans="1:5" ht="25.5">
      <c r="A120" s="58"/>
      <c r="B120" s="74">
        <v>76</v>
      </c>
      <c r="C120" s="76" t="s">
        <v>306</v>
      </c>
      <c r="D120" s="73"/>
      <c r="E120" s="73"/>
    </row>
    <row r="121" spans="1:5" ht="12.75">
      <c r="A121" s="58"/>
      <c r="B121" s="74">
        <v>77</v>
      </c>
      <c r="C121" s="73" t="s">
        <v>307</v>
      </c>
      <c r="D121" s="73"/>
      <c r="E121" s="73"/>
    </row>
    <row r="122" spans="1:5" ht="25.5">
      <c r="A122" s="58"/>
      <c r="B122" s="74">
        <v>78</v>
      </c>
      <c r="C122" s="76" t="s">
        <v>308</v>
      </c>
      <c r="D122" s="73"/>
      <c r="E122" s="73"/>
    </row>
    <row r="123" spans="1:5" ht="12.75">
      <c r="A123" s="58"/>
      <c r="B123" s="74">
        <v>79</v>
      </c>
      <c r="C123" s="76" t="s">
        <v>309</v>
      </c>
      <c r="D123" s="73">
        <v>2581</v>
      </c>
      <c r="E123" s="73">
        <v>2522</v>
      </c>
    </row>
    <row r="124" spans="1:5" ht="12.75">
      <c r="A124" s="58"/>
      <c r="B124" s="72" t="s">
        <v>310</v>
      </c>
      <c r="C124" s="73"/>
      <c r="D124" s="73"/>
      <c r="E124" s="73"/>
    </row>
    <row r="125" spans="1:5" ht="12.75">
      <c r="A125" s="58"/>
      <c r="B125" s="72" t="s">
        <v>311</v>
      </c>
      <c r="C125" s="73"/>
      <c r="D125" s="73"/>
      <c r="E125" s="73"/>
    </row>
    <row r="126" spans="1:5" ht="12.75">
      <c r="A126" s="58"/>
      <c r="B126" s="74">
        <v>80</v>
      </c>
      <c r="C126" s="73" t="s">
        <v>312</v>
      </c>
      <c r="D126" s="73"/>
      <c r="E126" s="73"/>
    </row>
    <row r="127" spans="1:5" ht="12.75">
      <c r="A127" s="58"/>
      <c r="B127" s="74">
        <v>81</v>
      </c>
      <c r="C127" s="76" t="s">
        <v>313</v>
      </c>
      <c r="D127" s="73"/>
      <c r="E127" s="73"/>
    </row>
    <row r="128" spans="1:5" ht="12.75">
      <c r="A128" s="58"/>
      <c r="B128" s="74">
        <v>82</v>
      </c>
      <c r="C128" s="73" t="s">
        <v>314</v>
      </c>
      <c r="D128" s="73">
        <v>7002</v>
      </c>
      <c r="E128" s="73">
        <v>8402</v>
      </c>
    </row>
    <row r="129" spans="1:251" ht="12.75">
      <c r="A129" s="58"/>
      <c r="B129" s="74">
        <v>83</v>
      </c>
      <c r="C129" s="76" t="s">
        <v>315</v>
      </c>
      <c r="D129" s="73"/>
      <c r="E129" s="73"/>
    </row>
    <row r="130" spans="1:251" ht="12.75">
      <c r="A130" s="58"/>
      <c r="B130" s="74">
        <v>84</v>
      </c>
      <c r="C130" s="73" t="s">
        <v>316</v>
      </c>
      <c r="D130" s="73"/>
      <c r="E130" s="73"/>
    </row>
    <row r="131" spans="1:251" ht="12.75">
      <c r="A131" s="58"/>
      <c r="B131" s="74">
        <v>85</v>
      </c>
      <c r="C131" s="76" t="s">
        <v>317</v>
      </c>
      <c r="D131" s="73"/>
      <c r="E131" s="73"/>
    </row>
    <row r="132" spans="1:251">
      <c r="A132" s="58"/>
      <c r="B132" s="58"/>
      <c r="C132" s="58"/>
      <c r="D132" s="69"/>
      <c r="E132" s="69"/>
    </row>
    <row r="133" spans="1:251" ht="12.75">
      <c r="A133" s="58"/>
      <c r="B133" s="93"/>
      <c r="C133" s="93"/>
      <c r="D133" s="93"/>
      <c r="E133" s="93"/>
    </row>
    <row r="134" spans="1:251" ht="12.75">
      <c r="A134" s="14"/>
      <c r="B134" s="93"/>
      <c r="C134" s="93"/>
      <c r="D134" s="93"/>
      <c r="E134" s="93"/>
      <c r="F134" s="14"/>
      <c r="G134" s="14"/>
      <c r="H134" s="14"/>
      <c r="I134" s="14"/>
      <c r="J134" s="14"/>
      <c r="K134" s="14"/>
      <c r="L134" s="14"/>
      <c r="M134" s="14"/>
      <c r="N134" s="14"/>
      <c r="O134" s="14"/>
      <c r="P134" s="14"/>
      <c r="Q134" s="14"/>
      <c r="R134" s="14"/>
      <c r="S134" s="14"/>
      <c r="T134" s="14"/>
      <c r="U134" s="14"/>
      <c r="V134" s="14"/>
      <c r="W134" s="14"/>
      <c r="X134" s="14"/>
      <c r="Y134" s="14"/>
      <c r="Z134" s="14"/>
      <c r="AA134" s="14"/>
      <c r="AB134" s="14"/>
      <c r="AC134" s="14"/>
      <c r="AD134" s="14"/>
      <c r="AE134" s="14"/>
      <c r="AF134" s="14"/>
      <c r="AG134" s="14"/>
      <c r="AH134" s="14"/>
      <c r="AI134" s="14"/>
      <c r="AJ134" s="14"/>
      <c r="AK134" s="14"/>
      <c r="AL134" s="14"/>
      <c r="AM134" s="14"/>
      <c r="AN134" s="14"/>
      <c r="AO134" s="14"/>
      <c r="AP134" s="14"/>
      <c r="AQ134" s="14"/>
      <c r="AR134" s="14"/>
      <c r="AS134" s="14"/>
      <c r="AT134" s="14"/>
      <c r="AU134" s="14"/>
      <c r="AV134" s="14"/>
      <c r="AW134" s="14"/>
      <c r="AX134" s="14"/>
      <c r="AY134" s="14"/>
      <c r="AZ134" s="14"/>
      <c r="BA134" s="14"/>
      <c r="BB134" s="14"/>
      <c r="BC134" s="14"/>
      <c r="BD134" s="14"/>
      <c r="BE134" s="14"/>
      <c r="BF134" s="14"/>
      <c r="BG134" s="14"/>
      <c r="BH134" s="14"/>
      <c r="BI134" s="14"/>
      <c r="BJ134" s="14"/>
      <c r="BK134" s="14"/>
      <c r="BL134" s="14"/>
      <c r="BM134" s="14"/>
      <c r="BN134" s="14"/>
      <c r="BO134" s="14"/>
      <c r="BP134" s="14"/>
      <c r="BQ134" s="14"/>
      <c r="BR134" s="14"/>
      <c r="BS134" s="14"/>
      <c r="BT134" s="14"/>
      <c r="BU134" s="14"/>
      <c r="BV134" s="14"/>
      <c r="BW134" s="14"/>
      <c r="BX134" s="14"/>
      <c r="BY134" s="14"/>
      <c r="BZ134" s="14"/>
      <c r="CA134" s="14"/>
      <c r="CB134" s="14"/>
      <c r="CC134" s="14"/>
      <c r="CD134" s="14"/>
      <c r="CE134" s="14"/>
      <c r="CF134" s="14"/>
      <c r="CG134" s="14"/>
      <c r="CH134" s="14"/>
      <c r="CI134" s="14"/>
      <c r="CJ134" s="14"/>
      <c r="CK134" s="14"/>
      <c r="CL134" s="14"/>
      <c r="CM134" s="14"/>
      <c r="CN134" s="14"/>
      <c r="CO134" s="14"/>
      <c r="CP134" s="14"/>
      <c r="CQ134" s="14"/>
      <c r="CR134" s="14"/>
      <c r="CS134" s="14"/>
      <c r="CT134" s="14"/>
      <c r="CU134" s="14"/>
      <c r="CV134" s="14"/>
      <c r="CW134" s="14"/>
      <c r="CX134" s="14"/>
      <c r="CY134" s="14"/>
      <c r="CZ134" s="14"/>
      <c r="DA134" s="14"/>
      <c r="DB134" s="14"/>
      <c r="DC134" s="14"/>
      <c r="DD134" s="14"/>
      <c r="DE134" s="14"/>
      <c r="DF134" s="14"/>
      <c r="DG134" s="14"/>
      <c r="DH134" s="14"/>
      <c r="DI134" s="14"/>
      <c r="DJ134" s="14"/>
      <c r="DK134" s="14"/>
      <c r="DL134" s="14"/>
      <c r="DM134" s="14"/>
      <c r="DN134" s="14"/>
      <c r="DO134" s="14"/>
      <c r="DP134" s="14"/>
      <c r="DQ134" s="14"/>
      <c r="DR134" s="14"/>
      <c r="DS134" s="14"/>
      <c r="DT134" s="14"/>
      <c r="DU134" s="14"/>
      <c r="DV134" s="14"/>
      <c r="DW134" s="14"/>
      <c r="DX134" s="14"/>
      <c r="DY134" s="14"/>
      <c r="DZ134" s="14"/>
      <c r="EA134" s="14"/>
      <c r="EB134" s="14"/>
      <c r="EC134" s="14"/>
      <c r="ED134" s="14"/>
      <c r="EE134" s="14"/>
      <c r="EF134" s="14"/>
      <c r="EG134" s="14"/>
      <c r="EH134" s="14"/>
      <c r="EI134" s="14"/>
      <c r="EJ134" s="14"/>
      <c r="EK134" s="14"/>
      <c r="EL134" s="14"/>
      <c r="EM134" s="14"/>
      <c r="EN134" s="14"/>
      <c r="EO134" s="14"/>
      <c r="EP134" s="14"/>
      <c r="EQ134" s="14"/>
      <c r="ER134" s="14"/>
      <c r="ES134" s="14"/>
      <c r="ET134" s="14"/>
      <c r="EU134" s="14"/>
      <c r="EV134" s="14"/>
      <c r="EW134" s="14"/>
      <c r="EX134" s="14"/>
      <c r="EY134" s="14"/>
      <c r="EZ134" s="14"/>
      <c r="FA134" s="14"/>
      <c r="FB134" s="14"/>
      <c r="FC134" s="14"/>
      <c r="FD134" s="14"/>
      <c r="FE134" s="14"/>
      <c r="FF134" s="14"/>
      <c r="FG134" s="14"/>
      <c r="FH134" s="14"/>
      <c r="FI134" s="14"/>
      <c r="FJ134" s="14"/>
      <c r="FK134" s="14"/>
      <c r="FL134" s="14"/>
      <c r="FM134" s="14"/>
      <c r="FN134" s="14"/>
      <c r="FO134" s="14"/>
      <c r="FP134" s="14"/>
      <c r="FQ134" s="14"/>
      <c r="FR134" s="14"/>
      <c r="FS134" s="14"/>
      <c r="FT134" s="14"/>
      <c r="FU134" s="14"/>
      <c r="FV134" s="14"/>
      <c r="FW134" s="14"/>
      <c r="FX134" s="14"/>
      <c r="FY134" s="14"/>
      <c r="FZ134" s="14"/>
      <c r="GA134" s="14"/>
      <c r="GB134" s="14"/>
      <c r="GC134" s="14"/>
      <c r="GD134" s="14"/>
      <c r="GE134" s="14"/>
      <c r="GF134" s="14"/>
      <c r="GG134" s="14"/>
      <c r="GH134" s="14"/>
      <c r="GI134" s="14"/>
      <c r="GJ134" s="14"/>
      <c r="GK134" s="14"/>
      <c r="GL134" s="14"/>
      <c r="GM134" s="14"/>
      <c r="GN134" s="14"/>
      <c r="GO134" s="14"/>
      <c r="GP134" s="14"/>
      <c r="GQ134" s="14"/>
      <c r="GR134" s="14"/>
      <c r="GS134" s="14"/>
      <c r="GT134" s="14"/>
      <c r="GU134" s="14"/>
      <c r="GV134" s="14"/>
      <c r="GW134" s="14"/>
      <c r="GX134" s="14"/>
      <c r="GY134" s="14"/>
      <c r="GZ134" s="14"/>
      <c r="HA134" s="14"/>
      <c r="HB134" s="14"/>
      <c r="HC134" s="14"/>
      <c r="HD134" s="14"/>
      <c r="HE134" s="14"/>
      <c r="HF134" s="14"/>
      <c r="HG134" s="14"/>
      <c r="HH134" s="14"/>
      <c r="HI134" s="14"/>
      <c r="HJ134" s="14"/>
      <c r="HK134" s="14"/>
      <c r="HL134" s="14"/>
      <c r="HM134" s="14"/>
      <c r="HN134" s="14"/>
      <c r="HO134" s="14"/>
      <c r="HP134" s="14"/>
      <c r="HQ134" s="14"/>
      <c r="HR134" s="14"/>
      <c r="HS134" s="14"/>
      <c r="HT134" s="14"/>
      <c r="HU134" s="14"/>
      <c r="HV134" s="14"/>
      <c r="HW134" s="14"/>
      <c r="HX134" s="14"/>
      <c r="HY134" s="14"/>
      <c r="HZ134" s="14"/>
      <c r="IA134" s="14"/>
      <c r="IB134" s="14"/>
      <c r="IC134" s="14"/>
      <c r="ID134" s="14"/>
      <c r="IE134" s="14"/>
      <c r="IF134" s="14"/>
      <c r="IG134" s="14"/>
      <c r="IH134" s="14"/>
      <c r="II134" s="14"/>
      <c r="IJ134" s="14"/>
      <c r="IK134" s="14"/>
      <c r="IL134" s="14"/>
      <c r="IM134" s="14"/>
      <c r="IN134" s="14"/>
      <c r="IO134" s="14"/>
      <c r="IP134" s="14"/>
      <c r="IQ134" s="14"/>
    </row>
    <row r="135" spans="1:251" ht="12.75">
      <c r="B135" s="93"/>
      <c r="C135" s="93"/>
      <c r="D135" s="93"/>
      <c r="E135" s="93"/>
    </row>
    <row r="136" spans="1:251" ht="12.75">
      <c r="B136" s="93"/>
      <c r="C136" s="93"/>
      <c r="D136" s="93"/>
      <c r="E136" s="93"/>
    </row>
    <row r="137" spans="1:251">
      <c r="D137" s="69"/>
      <c r="E137" s="69"/>
    </row>
    <row r="138" spans="1:251">
      <c r="D138" s="69"/>
      <c r="E138" s="69"/>
    </row>
    <row r="139" spans="1:251">
      <c r="D139" s="69"/>
      <c r="E139" s="69"/>
    </row>
    <row r="140" spans="1:251">
      <c r="D140" s="69"/>
      <c r="E140" s="69"/>
    </row>
    <row r="141" spans="1:251">
      <c r="D141" s="69"/>
      <c r="E141" s="69"/>
    </row>
    <row r="142" spans="1:251">
      <c r="D142" s="69"/>
      <c r="E142" s="69"/>
    </row>
    <row r="143" spans="1:251">
      <c r="D143" s="69"/>
      <c r="E143" s="69"/>
    </row>
    <row r="144" spans="1:251">
      <c r="D144" s="69"/>
      <c r="E144" s="69"/>
    </row>
  </sheetData>
  <mergeCells count="1">
    <mergeCell ref="B6:C7"/>
  </mergeCells>
  <pageMargins left="0.70866141732283472" right="0.70866141732283472" top="0.74803149606299213" bottom="0.74803149606299213" header="0.31496062992125984" footer="0.31496062992125984"/>
  <pageSetup paperSize="9" scale="52" fitToHeight="2" orientation="portrait" r:id="rId1"/>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N50"/>
  <sheetViews>
    <sheetView zoomScale="90" zoomScaleNormal="90" workbookViewId="0"/>
  </sheetViews>
  <sheetFormatPr defaultRowHeight="12.75"/>
  <cols>
    <col min="1" max="1" width="7.7109375" style="14" customWidth="1"/>
    <col min="2" max="2" width="50.7109375" style="132" customWidth="1"/>
    <col min="3" max="10" width="11.85546875" style="14" customWidth="1"/>
    <col min="11" max="16384" width="9.140625" style="14"/>
  </cols>
  <sheetData>
    <row r="1" spans="1:11">
      <c r="A1" s="13"/>
      <c r="B1" s="13" t="s">
        <v>325</v>
      </c>
    </row>
    <row r="2" spans="1:11">
      <c r="B2" s="14"/>
    </row>
    <row r="3" spans="1:11">
      <c r="A3" s="18"/>
      <c r="B3" s="40" t="s">
        <v>80</v>
      </c>
      <c r="C3" s="15"/>
    </row>
    <row r="4" spans="1:11">
      <c r="A4" s="16"/>
      <c r="B4" s="145"/>
    </row>
    <row r="5" spans="1:11" ht="20.25" customHeight="1">
      <c r="A5" s="16"/>
      <c r="B5" s="342" t="s">
        <v>5</v>
      </c>
      <c r="C5" s="342"/>
      <c r="D5" s="342"/>
      <c r="E5" s="342"/>
      <c r="F5" s="342"/>
      <c r="G5" s="342"/>
      <c r="H5" s="342"/>
      <c r="I5" s="342"/>
      <c r="J5" s="342"/>
    </row>
    <row r="6" spans="1:11" ht="25.5">
      <c r="A6" s="16"/>
      <c r="B6" s="190" t="s">
        <v>321</v>
      </c>
      <c r="C6" s="26">
        <v>0</v>
      </c>
      <c r="D6" s="26">
        <v>0.02</v>
      </c>
      <c r="E6" s="26">
        <v>0.2</v>
      </c>
      <c r="F6" s="26">
        <v>0.5</v>
      </c>
      <c r="G6" s="26">
        <v>0.75</v>
      </c>
      <c r="H6" s="26">
        <v>1</v>
      </c>
      <c r="I6" s="123" t="s">
        <v>0</v>
      </c>
      <c r="J6" s="26" t="s">
        <v>84</v>
      </c>
    </row>
    <row r="7" spans="1:11" s="15" customFormat="1">
      <c r="A7" s="16"/>
      <c r="B7" s="28" t="s">
        <v>11</v>
      </c>
      <c r="C7" s="147"/>
      <c r="D7" s="147"/>
      <c r="E7" s="147"/>
      <c r="F7" s="147"/>
      <c r="G7" s="147"/>
      <c r="H7" s="147"/>
      <c r="I7" s="147"/>
      <c r="J7" s="147"/>
      <c r="K7" s="191"/>
    </row>
    <row r="8" spans="1:11" s="15" customFormat="1">
      <c r="A8" s="16"/>
      <c r="B8" s="28" t="s">
        <v>12</v>
      </c>
      <c r="C8" s="147"/>
      <c r="D8" s="147"/>
      <c r="E8" s="147"/>
      <c r="F8" s="147"/>
      <c r="G8" s="147"/>
      <c r="H8" s="147"/>
      <c r="I8" s="147"/>
      <c r="J8" s="147"/>
      <c r="K8" s="191"/>
    </row>
    <row r="9" spans="1:11" s="15" customFormat="1">
      <c r="A9" s="16"/>
      <c r="B9" s="28" t="s">
        <v>13</v>
      </c>
      <c r="C9" s="147"/>
      <c r="D9" s="147"/>
      <c r="E9" s="147"/>
      <c r="F9" s="147"/>
      <c r="G9" s="147"/>
      <c r="H9" s="147"/>
      <c r="I9" s="147"/>
      <c r="J9" s="147"/>
      <c r="K9" s="191"/>
    </row>
    <row r="10" spans="1:11" s="15" customFormat="1">
      <c r="A10" s="16"/>
      <c r="B10" s="28" t="s">
        <v>22</v>
      </c>
      <c r="C10" s="147"/>
      <c r="D10" s="147"/>
      <c r="E10" s="147"/>
      <c r="F10" s="147"/>
      <c r="G10" s="147"/>
      <c r="H10" s="147"/>
      <c r="I10" s="147"/>
      <c r="J10" s="147"/>
      <c r="K10" s="191"/>
    </row>
    <row r="11" spans="1:11" s="15" customFormat="1">
      <c r="A11" s="16"/>
      <c r="B11" s="28" t="s">
        <v>23</v>
      </c>
      <c r="C11" s="147"/>
      <c r="D11" s="147"/>
      <c r="E11" s="147"/>
      <c r="F11" s="147"/>
      <c r="G11" s="147"/>
      <c r="H11" s="147"/>
      <c r="I11" s="147"/>
      <c r="J11" s="147"/>
      <c r="K11" s="191"/>
    </row>
    <row r="12" spans="1:11" s="15" customFormat="1">
      <c r="A12" s="16"/>
      <c r="B12" s="28" t="s">
        <v>1</v>
      </c>
      <c r="C12" s="147"/>
      <c r="D12" s="147">
        <v>10780</v>
      </c>
      <c r="E12" s="147">
        <v>730</v>
      </c>
      <c r="F12" s="147"/>
      <c r="G12" s="147"/>
      <c r="H12" s="147">
        <v>238</v>
      </c>
      <c r="I12" s="147">
        <v>11748</v>
      </c>
      <c r="J12" s="147">
        <v>11651.215815645</v>
      </c>
      <c r="K12" s="191"/>
    </row>
    <row r="13" spans="1:11" s="15" customFormat="1">
      <c r="A13" s="16"/>
      <c r="B13" s="28" t="s">
        <v>2</v>
      </c>
      <c r="C13" s="147"/>
      <c r="D13" s="147"/>
      <c r="E13" s="147"/>
      <c r="F13" s="147"/>
      <c r="G13" s="147"/>
      <c r="H13" s="147">
        <v>395.28134553799998</v>
      </c>
      <c r="I13" s="147">
        <v>395.28134553799998</v>
      </c>
      <c r="J13" s="147">
        <v>395.28134553799998</v>
      </c>
      <c r="K13" s="191"/>
    </row>
    <row r="14" spans="1:11" s="15" customFormat="1">
      <c r="A14" s="16"/>
      <c r="B14" s="28" t="s">
        <v>14</v>
      </c>
      <c r="C14" s="147"/>
      <c r="D14" s="147"/>
      <c r="E14" s="147"/>
      <c r="F14" s="147"/>
      <c r="G14" s="147">
        <v>3.2911709259999999</v>
      </c>
      <c r="H14" s="147"/>
      <c r="I14" s="147">
        <v>3.2911709259999999</v>
      </c>
      <c r="J14" s="147">
        <v>3.2911709259999999</v>
      </c>
      <c r="K14" s="191"/>
    </row>
    <row r="15" spans="1:11" s="15" customFormat="1" ht="25.5">
      <c r="A15" s="16"/>
      <c r="B15" s="28" t="s">
        <v>17</v>
      </c>
      <c r="C15" s="147"/>
      <c r="D15" s="147"/>
      <c r="E15" s="147"/>
      <c r="F15" s="147"/>
      <c r="G15" s="147"/>
      <c r="H15" s="147"/>
      <c r="I15" s="147"/>
      <c r="J15" s="147"/>
      <c r="K15" s="191"/>
    </row>
    <row r="16" spans="1:11" s="15" customFormat="1">
      <c r="A16" s="16"/>
      <c r="B16" s="30" t="s">
        <v>3</v>
      </c>
      <c r="C16" s="192"/>
      <c r="D16" s="192"/>
      <c r="E16" s="172"/>
      <c r="F16" s="172"/>
      <c r="G16" s="172"/>
      <c r="H16" s="172"/>
      <c r="I16" s="172"/>
      <c r="J16" s="172"/>
      <c r="K16" s="191"/>
    </row>
    <row r="17" spans="1:11" s="197" customFormat="1">
      <c r="A17" s="193"/>
      <c r="B17" s="194" t="s">
        <v>0</v>
      </c>
      <c r="C17" s="163">
        <v>0</v>
      </c>
      <c r="D17" s="196">
        <v>10780</v>
      </c>
      <c r="E17" s="196">
        <v>730</v>
      </c>
      <c r="F17" s="163">
        <v>0</v>
      </c>
      <c r="G17" s="196">
        <v>3.2911709259999999</v>
      </c>
      <c r="H17" s="196">
        <v>633.28134553799998</v>
      </c>
      <c r="I17" s="196">
        <v>12146.572516464001</v>
      </c>
      <c r="J17" s="196">
        <v>12049.788332109001</v>
      </c>
      <c r="K17" s="191"/>
    </row>
    <row r="18" spans="1:11" s="197" customFormat="1">
      <c r="A18" s="193"/>
      <c r="B18" s="194"/>
      <c r="C18" s="195"/>
      <c r="D18" s="195"/>
      <c r="E18" s="195"/>
      <c r="F18" s="195"/>
      <c r="G18" s="195"/>
      <c r="H18" s="195"/>
      <c r="I18" s="195"/>
      <c r="J18" s="195"/>
    </row>
    <row r="19" spans="1:11" s="15" customFormat="1">
      <c r="B19" s="144"/>
    </row>
    <row r="20" spans="1:11" ht="20.25" customHeight="1">
      <c r="A20" s="16"/>
      <c r="B20" s="342" t="s">
        <v>5</v>
      </c>
      <c r="C20" s="342"/>
      <c r="D20" s="342"/>
      <c r="E20" s="342"/>
      <c r="F20" s="342"/>
      <c r="G20" s="342"/>
      <c r="H20" s="342"/>
      <c r="I20" s="342"/>
      <c r="J20" s="342"/>
    </row>
    <row r="21" spans="1:11" ht="25.5">
      <c r="A21" s="16"/>
      <c r="B21" s="190" t="s">
        <v>74</v>
      </c>
      <c r="C21" s="26">
        <v>0</v>
      </c>
      <c r="D21" s="26">
        <v>0.02</v>
      </c>
      <c r="E21" s="26">
        <v>0.2</v>
      </c>
      <c r="F21" s="26">
        <v>0.5</v>
      </c>
      <c r="G21" s="26">
        <v>0.75</v>
      </c>
      <c r="H21" s="26">
        <v>1</v>
      </c>
      <c r="I21" s="123" t="s">
        <v>0</v>
      </c>
      <c r="J21" s="26" t="s">
        <v>84</v>
      </c>
    </row>
    <row r="22" spans="1:11" s="15" customFormat="1">
      <c r="A22" s="16"/>
      <c r="B22" s="28" t="s">
        <v>11</v>
      </c>
      <c r="C22" s="147">
        <v>5247</v>
      </c>
      <c r="D22" s="147"/>
      <c r="E22" s="147">
        <v>111.27539728000001</v>
      </c>
      <c r="F22" s="147">
        <v>346.260853</v>
      </c>
      <c r="G22" s="147"/>
      <c r="H22" s="147">
        <v>5.9005570000000001</v>
      </c>
      <c r="I22" s="147">
        <v>5710.4368072799998</v>
      </c>
      <c r="J22" s="147"/>
      <c r="K22" s="191"/>
    </row>
    <row r="23" spans="1:11" s="15" customFormat="1">
      <c r="A23" s="16"/>
      <c r="B23" s="28" t="s">
        <v>12</v>
      </c>
      <c r="C23" s="147">
        <v>6923</v>
      </c>
      <c r="D23" s="147"/>
      <c r="E23" s="147"/>
      <c r="F23" s="147"/>
      <c r="G23" s="147"/>
      <c r="H23" s="147"/>
      <c r="I23" s="147">
        <v>6923</v>
      </c>
      <c r="J23" s="147"/>
      <c r="K23" s="191"/>
    </row>
    <row r="24" spans="1:11" s="15" customFormat="1">
      <c r="A24" s="16"/>
      <c r="B24" s="28" t="s">
        <v>13</v>
      </c>
      <c r="C24" s="147"/>
      <c r="D24" s="147"/>
      <c r="E24" s="147"/>
      <c r="F24" s="147"/>
      <c r="G24" s="147"/>
      <c r="H24" s="147"/>
      <c r="I24" s="147"/>
      <c r="J24" s="147"/>
      <c r="K24" s="191"/>
    </row>
    <row r="25" spans="1:11" s="15" customFormat="1">
      <c r="A25" s="16"/>
      <c r="B25" s="28" t="s">
        <v>22</v>
      </c>
      <c r="C25" s="147">
        <v>2665</v>
      </c>
      <c r="D25" s="147"/>
      <c r="E25" s="147"/>
      <c r="F25" s="147"/>
      <c r="G25" s="147"/>
      <c r="H25" s="147"/>
      <c r="I25" s="147">
        <v>2665</v>
      </c>
      <c r="J25" s="147"/>
      <c r="K25" s="191"/>
    </row>
    <row r="26" spans="1:11" s="15" customFormat="1">
      <c r="A26" s="16"/>
      <c r="B26" s="28" t="s">
        <v>23</v>
      </c>
      <c r="C26" s="147"/>
      <c r="D26" s="147"/>
      <c r="E26" s="147"/>
      <c r="F26" s="147"/>
      <c r="G26" s="147"/>
      <c r="H26" s="147"/>
      <c r="I26" s="147"/>
      <c r="J26" s="147"/>
      <c r="K26" s="191"/>
    </row>
    <row r="27" spans="1:11" s="15" customFormat="1">
      <c r="A27" s="16"/>
      <c r="B27" s="28" t="s">
        <v>1</v>
      </c>
      <c r="C27" s="147"/>
      <c r="D27" s="147">
        <v>10440</v>
      </c>
      <c r="E27" s="147">
        <v>1741</v>
      </c>
      <c r="F27" s="147"/>
      <c r="G27" s="147"/>
      <c r="H27" s="147">
        <v>11.977234262</v>
      </c>
      <c r="I27" s="147">
        <v>12192.977234262</v>
      </c>
      <c r="J27" s="147">
        <v>3706.3774424779995</v>
      </c>
      <c r="K27" s="191"/>
    </row>
    <row r="28" spans="1:11" s="15" customFormat="1">
      <c r="A28" s="16"/>
      <c r="B28" s="28" t="s">
        <v>2</v>
      </c>
      <c r="C28" s="147"/>
      <c r="D28" s="147"/>
      <c r="E28" s="147"/>
      <c r="F28" s="147"/>
      <c r="G28" s="147"/>
      <c r="H28" s="147">
        <v>1046</v>
      </c>
      <c r="I28" s="147">
        <v>1046</v>
      </c>
      <c r="J28" s="147">
        <v>7610.8593376780009</v>
      </c>
      <c r="K28" s="191"/>
    </row>
    <row r="29" spans="1:11" s="15" customFormat="1">
      <c r="A29" s="16"/>
      <c r="B29" s="28" t="s">
        <v>14</v>
      </c>
      <c r="C29" s="147"/>
      <c r="D29" s="147"/>
      <c r="E29" s="147"/>
      <c r="F29" s="147"/>
      <c r="G29" s="147">
        <v>15.791881132999999</v>
      </c>
      <c r="H29" s="147"/>
      <c r="I29" s="147">
        <v>15.791881132999999</v>
      </c>
      <c r="J29" s="147">
        <v>15.791881132999999</v>
      </c>
      <c r="K29" s="191"/>
    </row>
    <row r="30" spans="1:11" s="15" customFormat="1" ht="25.5">
      <c r="A30" s="16"/>
      <c r="B30" s="28" t="s">
        <v>17</v>
      </c>
      <c r="C30" s="147"/>
      <c r="D30" s="147"/>
      <c r="E30" s="147"/>
      <c r="F30" s="147"/>
      <c r="G30" s="147"/>
      <c r="H30" s="147"/>
      <c r="I30" s="147"/>
      <c r="J30" s="147"/>
      <c r="K30" s="191"/>
    </row>
    <row r="31" spans="1:11" s="15" customFormat="1">
      <c r="A31" s="16"/>
      <c r="B31" s="30" t="s">
        <v>3</v>
      </c>
      <c r="C31" s="192"/>
      <c r="D31" s="192"/>
      <c r="E31" s="172"/>
      <c r="F31" s="172"/>
      <c r="G31" s="172"/>
      <c r="H31" s="172"/>
      <c r="I31" s="172"/>
      <c r="J31" s="172"/>
      <c r="K31" s="191"/>
    </row>
    <row r="32" spans="1:11" s="197" customFormat="1">
      <c r="A32" s="193"/>
      <c r="B32" s="194" t="s">
        <v>0</v>
      </c>
      <c r="C32" s="195">
        <v>14835</v>
      </c>
      <c r="D32" s="195">
        <v>10440</v>
      </c>
      <c r="E32" s="195">
        <v>1852.2753972800001</v>
      </c>
      <c r="F32" s="195">
        <v>346.260853</v>
      </c>
      <c r="G32" s="195">
        <v>15.791881132999999</v>
      </c>
      <c r="H32" s="195">
        <v>1063.8777912620001</v>
      </c>
      <c r="I32" s="195">
        <v>28553.205922674995</v>
      </c>
      <c r="J32" s="195">
        <v>11333.028661289</v>
      </c>
      <c r="K32" s="191"/>
    </row>
    <row r="33" spans="2:14" s="15" customFormat="1">
      <c r="B33" s="32"/>
      <c r="C33" s="191"/>
      <c r="D33" s="191"/>
      <c r="E33" s="191"/>
      <c r="F33" s="191"/>
      <c r="G33" s="191"/>
      <c r="H33" s="191"/>
      <c r="I33" s="191"/>
      <c r="J33" s="191"/>
    </row>
    <row r="34" spans="2:14" s="15" customFormat="1"/>
    <row r="35" spans="2:14" s="325" customFormat="1" ht="28.9" customHeight="1">
      <c r="B35" s="337" t="s">
        <v>339</v>
      </c>
      <c r="C35" s="337"/>
      <c r="D35" s="337"/>
      <c r="E35" s="337"/>
      <c r="F35" s="337"/>
      <c r="G35" s="337"/>
      <c r="H35" s="337"/>
      <c r="I35" s="337"/>
      <c r="J35" s="337"/>
      <c r="K35" s="324"/>
      <c r="L35" s="324"/>
      <c r="M35" s="324"/>
      <c r="N35" s="324"/>
    </row>
    <row r="36" spans="2:14" s="15" customFormat="1">
      <c r="B36" s="32"/>
    </row>
    <row r="37" spans="2:14" s="15" customFormat="1">
      <c r="B37" s="32"/>
    </row>
    <row r="38" spans="2:14" s="15" customFormat="1">
      <c r="B38" s="32"/>
      <c r="C38" s="191"/>
      <c r="D38" s="191"/>
      <c r="E38" s="191"/>
      <c r="F38" s="191"/>
      <c r="G38" s="191"/>
      <c r="H38" s="191"/>
      <c r="I38" s="191"/>
      <c r="J38" s="191"/>
    </row>
    <row r="39" spans="2:14" s="15" customFormat="1">
      <c r="B39" s="32"/>
      <c r="C39" s="191"/>
      <c r="D39" s="191"/>
      <c r="E39" s="191"/>
      <c r="F39" s="191"/>
      <c r="G39" s="191"/>
      <c r="H39" s="191"/>
      <c r="I39" s="191"/>
      <c r="J39" s="191"/>
    </row>
    <row r="40" spans="2:14" s="15" customFormat="1">
      <c r="B40" s="32"/>
      <c r="C40" s="191"/>
      <c r="D40" s="191"/>
      <c r="E40" s="191"/>
      <c r="F40" s="191"/>
      <c r="G40" s="191"/>
      <c r="H40" s="191"/>
      <c r="I40" s="191"/>
      <c r="J40" s="191"/>
    </row>
    <row r="41" spans="2:14" s="15" customFormat="1">
      <c r="B41" s="32"/>
      <c r="C41" s="191"/>
      <c r="D41" s="191"/>
      <c r="E41" s="191"/>
      <c r="F41" s="191"/>
      <c r="G41" s="191"/>
      <c r="H41" s="191"/>
      <c r="I41" s="191"/>
      <c r="J41" s="191"/>
    </row>
    <row r="42" spans="2:14" s="15" customFormat="1">
      <c r="B42" s="32"/>
      <c r="C42" s="191"/>
      <c r="D42" s="191"/>
      <c r="E42" s="191"/>
      <c r="F42" s="191"/>
      <c r="G42" s="191"/>
      <c r="H42" s="191"/>
      <c r="I42" s="191"/>
      <c r="J42" s="191"/>
    </row>
    <row r="43" spans="2:14" s="15" customFormat="1">
      <c r="B43" s="32"/>
      <c r="C43" s="191"/>
      <c r="D43" s="191"/>
      <c r="E43" s="191"/>
      <c r="F43" s="191"/>
      <c r="G43" s="191"/>
      <c r="H43" s="191"/>
      <c r="I43" s="191"/>
      <c r="J43" s="191"/>
    </row>
    <row r="44" spans="2:14" s="15" customFormat="1">
      <c r="B44" s="32"/>
      <c r="C44" s="191"/>
      <c r="D44" s="191"/>
      <c r="E44" s="191"/>
      <c r="F44" s="191"/>
      <c r="G44" s="191"/>
      <c r="H44" s="191"/>
      <c r="I44" s="191"/>
      <c r="J44" s="191"/>
    </row>
    <row r="45" spans="2:14" s="15" customFormat="1">
      <c r="B45" s="32"/>
      <c r="C45" s="191"/>
      <c r="D45" s="191"/>
      <c r="E45" s="191"/>
      <c r="F45" s="191"/>
      <c r="G45" s="191"/>
      <c r="H45" s="191"/>
      <c r="I45" s="191"/>
      <c r="J45" s="191"/>
    </row>
    <row r="46" spans="2:14" s="15" customFormat="1">
      <c r="B46" s="32"/>
      <c r="C46" s="191"/>
      <c r="D46" s="191"/>
      <c r="E46" s="191"/>
      <c r="F46" s="191"/>
      <c r="G46" s="191"/>
      <c r="H46" s="191"/>
      <c r="I46" s="191"/>
      <c r="J46" s="191"/>
    </row>
    <row r="47" spans="2:14" s="15" customFormat="1">
      <c r="B47" s="32"/>
      <c r="C47" s="191"/>
      <c r="D47" s="191"/>
      <c r="E47" s="191"/>
      <c r="F47" s="191"/>
      <c r="G47" s="191"/>
      <c r="H47" s="191"/>
      <c r="I47" s="191"/>
      <c r="J47" s="191"/>
    </row>
    <row r="48" spans="2:14" s="15" customFormat="1">
      <c r="B48" s="32"/>
      <c r="C48" s="191"/>
      <c r="D48" s="191"/>
      <c r="E48" s="191"/>
      <c r="F48" s="191"/>
      <c r="G48" s="191"/>
      <c r="H48" s="191"/>
      <c r="I48" s="191"/>
      <c r="J48" s="191"/>
    </row>
    <row r="49" spans="2:10" s="15" customFormat="1">
      <c r="B49" s="32"/>
      <c r="C49" s="191"/>
      <c r="D49" s="191"/>
      <c r="E49" s="191"/>
      <c r="F49" s="191"/>
      <c r="G49" s="191"/>
      <c r="H49" s="191"/>
      <c r="I49" s="191"/>
      <c r="J49" s="191"/>
    </row>
    <row r="50" spans="2:10" s="15" customFormat="1">
      <c r="B50" s="32"/>
    </row>
  </sheetData>
  <mergeCells count="3">
    <mergeCell ref="B5:J5"/>
    <mergeCell ref="B20:J20"/>
    <mergeCell ref="B35:J35"/>
  </mergeCells>
  <pageMargins left="0.70866141732283472" right="0.70866141732283472" top="0.74803149606299213" bottom="0.74803149606299213" header="0.31496062992125984" footer="0.31496062992125984"/>
  <pageSetup paperSize="9" scale="87" fitToHeight="2" orientation="landscape" r:id="rId1"/>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AD70"/>
  <sheetViews>
    <sheetView zoomScale="90" zoomScaleNormal="90" workbookViewId="0"/>
  </sheetViews>
  <sheetFormatPr defaultRowHeight="12.75"/>
  <cols>
    <col min="1" max="1" width="7.7109375" style="42" customWidth="1"/>
    <col min="2" max="2" width="41.5703125" style="177" bestFit="1" customWidth="1"/>
    <col min="3" max="3" width="15.85546875" style="177" bestFit="1" customWidth="1"/>
    <col min="4" max="8" width="12.28515625" style="42" customWidth="1"/>
    <col min="9" max="10" width="12.28515625" style="47" customWidth="1"/>
    <col min="11" max="11" width="2.85546875" style="42" customWidth="1"/>
    <col min="12" max="16" width="11.85546875" style="42" customWidth="1"/>
    <col min="17" max="18" width="11.85546875" style="47" customWidth="1"/>
    <col min="19" max="19" width="9.140625" style="42"/>
    <col min="20" max="20" width="13.140625" bestFit="1" customWidth="1"/>
    <col min="21" max="21" width="9.140625" style="42"/>
    <col min="22" max="22" width="11.85546875" style="42" bestFit="1" customWidth="1"/>
    <col min="23" max="24" width="9.140625" style="42"/>
    <col min="25" max="25" width="11.85546875" style="42" bestFit="1" customWidth="1"/>
    <col min="26" max="26" width="10.28515625" style="42" bestFit="1" customWidth="1"/>
    <col min="27" max="16384" width="9.140625" style="42"/>
  </cols>
  <sheetData>
    <row r="1" spans="1:30">
      <c r="A1" s="13"/>
      <c r="B1" s="13" t="s">
        <v>325</v>
      </c>
      <c r="C1" s="42"/>
      <c r="I1" s="42"/>
      <c r="J1" s="42"/>
    </row>
    <row r="2" spans="1:30">
      <c r="B2" s="42"/>
      <c r="D2" s="177"/>
      <c r="E2" s="177"/>
      <c r="F2" s="177"/>
      <c r="G2" s="177"/>
      <c r="I2" s="42"/>
      <c r="J2" s="42"/>
    </row>
    <row r="3" spans="1:30">
      <c r="A3" s="18"/>
      <c r="B3" s="43" t="s">
        <v>81</v>
      </c>
      <c r="C3" s="43"/>
    </row>
    <row r="4" spans="1:30">
      <c r="A4" s="198"/>
      <c r="B4" s="43"/>
      <c r="C4" s="43"/>
      <c r="G4" s="148"/>
    </row>
    <row r="5" spans="1:30" ht="16.5" customHeight="1">
      <c r="A5" s="150"/>
      <c r="B5" s="199"/>
      <c r="C5" s="199"/>
      <c r="D5" s="199"/>
      <c r="E5" s="199"/>
      <c r="F5" s="199"/>
      <c r="G5" s="199" t="s">
        <v>320</v>
      </c>
      <c r="H5" s="199"/>
      <c r="I5" s="199"/>
      <c r="J5" s="199"/>
      <c r="L5" s="199"/>
      <c r="M5" s="199"/>
      <c r="N5" s="199"/>
      <c r="O5" s="199" t="s">
        <v>75</v>
      </c>
      <c r="P5" s="199"/>
      <c r="Q5" s="199"/>
      <c r="R5" s="199"/>
    </row>
    <row r="6" spans="1:30" ht="42" customHeight="1">
      <c r="A6" s="150"/>
      <c r="B6" s="199" t="s">
        <v>139</v>
      </c>
      <c r="C6" s="200" t="s">
        <v>27</v>
      </c>
      <c r="D6" s="201" t="s">
        <v>120</v>
      </c>
      <c r="E6" s="201" t="s">
        <v>118</v>
      </c>
      <c r="F6" s="201" t="s">
        <v>31</v>
      </c>
      <c r="G6" s="201" t="s">
        <v>121</v>
      </c>
      <c r="H6" s="201" t="s">
        <v>119</v>
      </c>
      <c r="I6" s="201" t="s">
        <v>156</v>
      </c>
      <c r="J6" s="201" t="s">
        <v>143</v>
      </c>
      <c r="K6" s="202"/>
      <c r="L6" s="201" t="s">
        <v>120</v>
      </c>
      <c r="M6" s="201" t="s">
        <v>118</v>
      </c>
      <c r="N6" s="201" t="s">
        <v>31</v>
      </c>
      <c r="O6" s="201" t="s">
        <v>121</v>
      </c>
      <c r="P6" s="201" t="s">
        <v>119</v>
      </c>
      <c r="Q6" s="201" t="s">
        <v>156</v>
      </c>
      <c r="R6" s="201" t="s">
        <v>143</v>
      </c>
    </row>
    <row r="7" spans="1:30" s="47" customFormat="1">
      <c r="A7" s="150"/>
      <c r="B7" s="203" t="s">
        <v>328</v>
      </c>
      <c r="C7" s="47" t="s">
        <v>326</v>
      </c>
      <c r="D7" s="147">
        <v>54451.199999999997</v>
      </c>
      <c r="E7" s="158">
        <v>2E-3</v>
      </c>
      <c r="F7" s="147">
        <v>134</v>
      </c>
      <c r="G7" s="158">
        <v>44.9</v>
      </c>
      <c r="H7" s="158">
        <v>0.9</v>
      </c>
      <c r="I7" s="147">
        <v>372.1</v>
      </c>
      <c r="J7" s="259">
        <v>0.68336418664786092</v>
      </c>
      <c r="L7" s="147"/>
      <c r="M7" s="158"/>
      <c r="N7" s="147"/>
      <c r="O7" s="158"/>
      <c r="P7" s="158"/>
      <c r="Q7" s="147"/>
      <c r="R7" s="245"/>
      <c r="S7" s="204"/>
      <c r="T7"/>
      <c r="U7" s="251"/>
      <c r="V7" s="251"/>
      <c r="W7" s="251"/>
      <c r="X7" s="251"/>
      <c r="Y7" s="251"/>
      <c r="Z7" s="251"/>
      <c r="AA7" s="251"/>
      <c r="AB7" s="251"/>
      <c r="AC7" s="251"/>
      <c r="AD7" s="251"/>
    </row>
    <row r="8" spans="1:30" s="47" customFormat="1">
      <c r="A8" s="150"/>
      <c r="B8" s="203"/>
      <c r="C8" s="147" t="s">
        <v>327</v>
      </c>
      <c r="D8" s="147">
        <v>683.3</v>
      </c>
      <c r="E8" s="158">
        <v>0.02</v>
      </c>
      <c r="F8" s="147">
        <v>6</v>
      </c>
      <c r="G8" s="158">
        <v>45</v>
      </c>
      <c r="H8" s="158">
        <v>2.2000000000000002</v>
      </c>
      <c r="I8" s="147">
        <v>77.599999999999994</v>
      </c>
      <c r="J8" s="259">
        <v>11.356651543977755</v>
      </c>
      <c r="L8" s="147"/>
      <c r="M8" s="158"/>
      <c r="N8" s="147"/>
      <c r="O8" s="158"/>
      <c r="P8" s="158"/>
      <c r="Q8" s="147"/>
      <c r="R8" s="245"/>
      <c r="S8" s="204"/>
      <c r="T8"/>
      <c r="U8" s="251"/>
      <c r="V8" s="251"/>
      <c r="W8" s="251"/>
      <c r="X8" s="251"/>
      <c r="Y8" s="251"/>
      <c r="Z8" s="251"/>
      <c r="AA8" s="251"/>
      <c r="AB8" s="251"/>
      <c r="AC8" s="251"/>
      <c r="AD8" s="251"/>
    </row>
    <row r="9" spans="1:30" s="47" customFormat="1">
      <c r="A9" s="150"/>
      <c r="B9" s="203"/>
      <c r="C9" s="147" t="s">
        <v>132</v>
      </c>
      <c r="D9" s="147">
        <v>1818.9</v>
      </c>
      <c r="E9" s="158">
        <v>0.04</v>
      </c>
      <c r="F9" s="147">
        <v>24</v>
      </c>
      <c r="G9" s="158">
        <v>45</v>
      </c>
      <c r="H9" s="158">
        <v>2</v>
      </c>
      <c r="I9" s="147">
        <v>252.4</v>
      </c>
      <c r="J9" s="259">
        <v>13.87651877508384</v>
      </c>
      <c r="L9" s="147"/>
      <c r="M9" s="158"/>
      <c r="N9" s="147"/>
      <c r="O9" s="158"/>
      <c r="P9" s="158"/>
      <c r="Q9" s="147"/>
      <c r="R9" s="245"/>
      <c r="S9" s="204"/>
      <c r="T9"/>
      <c r="U9" s="251"/>
      <c r="V9" s="251"/>
      <c r="W9" s="251"/>
      <c r="X9" s="251"/>
      <c r="Y9" s="251"/>
      <c r="Z9" s="251"/>
      <c r="AA9" s="251"/>
      <c r="AB9" s="251"/>
      <c r="AC9" s="251"/>
      <c r="AD9" s="251"/>
    </row>
    <row r="10" spans="1:30" s="47" customFormat="1">
      <c r="A10" s="150"/>
      <c r="B10" s="159"/>
      <c r="C10" s="159" t="s">
        <v>133</v>
      </c>
      <c r="D10" s="147"/>
      <c r="E10" s="158"/>
      <c r="F10" s="147"/>
      <c r="G10" s="158"/>
      <c r="H10" s="158"/>
      <c r="I10" s="147"/>
      <c r="J10" s="260"/>
      <c r="L10" s="147"/>
      <c r="M10" s="158"/>
      <c r="N10" s="147"/>
      <c r="O10" s="158"/>
      <c r="P10" s="158"/>
      <c r="Q10" s="147"/>
      <c r="R10" s="246"/>
      <c r="S10" s="204"/>
      <c r="T10"/>
      <c r="U10" s="251"/>
      <c r="V10" s="251"/>
      <c r="W10" s="251"/>
      <c r="X10" s="251"/>
      <c r="Y10" s="251"/>
      <c r="Z10" s="251"/>
      <c r="AA10" s="251"/>
      <c r="AB10" s="251"/>
      <c r="AC10" s="251"/>
      <c r="AD10" s="251"/>
    </row>
    <row r="11" spans="1:30" s="47" customFormat="1">
      <c r="A11" s="150"/>
      <c r="B11" s="159"/>
      <c r="C11" s="159" t="s">
        <v>134</v>
      </c>
      <c r="D11" s="147"/>
      <c r="E11" s="158"/>
      <c r="F11" s="147"/>
      <c r="G11" s="158"/>
      <c r="H11" s="158"/>
      <c r="I11" s="147"/>
      <c r="J11" s="259"/>
      <c r="L11" s="147"/>
      <c r="M11" s="158"/>
      <c r="N11" s="147"/>
      <c r="O11" s="158"/>
      <c r="P11" s="158"/>
      <c r="Q11" s="147"/>
      <c r="R11" s="245"/>
      <c r="S11" s="204"/>
      <c r="T11"/>
      <c r="U11" s="251"/>
      <c r="V11" s="251"/>
      <c r="W11" s="251"/>
      <c r="X11" s="251"/>
      <c r="Y11" s="251"/>
      <c r="Z11" s="251"/>
      <c r="AA11" s="251"/>
      <c r="AB11" s="251"/>
      <c r="AC11" s="251"/>
      <c r="AD11" s="251"/>
    </row>
    <row r="12" spans="1:30" s="47" customFormat="1">
      <c r="A12" s="150"/>
      <c r="B12" s="159"/>
      <c r="C12" s="159" t="s">
        <v>135</v>
      </c>
      <c r="D12" s="147">
        <v>2.9</v>
      </c>
      <c r="E12" s="158">
        <v>2</v>
      </c>
      <c r="F12" s="147">
        <v>1</v>
      </c>
      <c r="G12" s="158">
        <v>45</v>
      </c>
      <c r="H12" s="158">
        <v>2.5</v>
      </c>
      <c r="I12" s="147">
        <v>3.5</v>
      </c>
      <c r="J12" s="260">
        <v>120.68965517241379</v>
      </c>
      <c r="L12" s="147"/>
      <c r="M12" s="158"/>
      <c r="N12" s="147"/>
      <c r="O12" s="158"/>
      <c r="P12" s="158"/>
      <c r="Q12" s="147"/>
      <c r="R12" s="246"/>
      <c r="S12" s="204"/>
      <c r="T12"/>
      <c r="U12" s="251"/>
      <c r="V12" s="251"/>
      <c r="W12" s="251"/>
      <c r="X12" s="251"/>
      <c r="Y12" s="251"/>
      <c r="Z12" s="251"/>
      <c r="AA12" s="251"/>
      <c r="AB12" s="251"/>
      <c r="AC12" s="251"/>
      <c r="AD12" s="251"/>
    </row>
    <row r="13" spans="1:30" s="47" customFormat="1">
      <c r="A13" s="150"/>
      <c r="B13" s="159"/>
      <c r="C13" s="159" t="s">
        <v>136</v>
      </c>
      <c r="D13" s="147"/>
      <c r="E13" s="158"/>
      <c r="F13" s="147"/>
      <c r="G13" s="158"/>
      <c r="H13" s="158"/>
      <c r="I13" s="147"/>
      <c r="J13" s="259"/>
      <c r="L13" s="147"/>
      <c r="M13" s="158"/>
      <c r="N13" s="147"/>
      <c r="O13" s="158"/>
      <c r="P13" s="158"/>
      <c r="Q13" s="147"/>
      <c r="R13" s="247"/>
      <c r="S13" s="204"/>
      <c r="T13"/>
      <c r="U13" s="251"/>
      <c r="V13" s="251"/>
      <c r="W13" s="251"/>
      <c r="X13" s="251"/>
      <c r="Y13" s="251"/>
      <c r="Z13" s="251"/>
      <c r="AA13" s="251"/>
      <c r="AB13" s="251"/>
      <c r="AC13" s="251"/>
      <c r="AD13" s="251"/>
    </row>
    <row r="14" spans="1:30" s="47" customFormat="1">
      <c r="A14" s="150"/>
      <c r="B14" s="159"/>
      <c r="C14" s="159" t="s">
        <v>137</v>
      </c>
      <c r="D14" s="147"/>
      <c r="E14" s="158"/>
      <c r="F14" s="147"/>
      <c r="G14" s="158"/>
      <c r="H14" s="158"/>
      <c r="I14" s="147"/>
      <c r="J14" s="260"/>
      <c r="L14" s="147"/>
      <c r="M14" s="158"/>
      <c r="N14" s="147"/>
      <c r="O14" s="158"/>
      <c r="P14" s="158"/>
      <c r="Q14" s="147"/>
      <c r="R14" s="246"/>
      <c r="S14" s="204"/>
      <c r="T14"/>
      <c r="U14" s="251"/>
      <c r="V14" s="251"/>
      <c r="W14" s="251"/>
      <c r="X14" s="251"/>
      <c r="Y14" s="251"/>
      <c r="Z14" s="251"/>
      <c r="AA14" s="251"/>
      <c r="AB14" s="251"/>
      <c r="AC14" s="251"/>
      <c r="AD14" s="251"/>
    </row>
    <row r="15" spans="1:30" s="47" customFormat="1">
      <c r="A15" s="150"/>
      <c r="B15" s="159"/>
      <c r="C15" s="159" t="s">
        <v>138</v>
      </c>
      <c r="D15" s="147"/>
      <c r="E15" s="158"/>
      <c r="F15" s="147"/>
      <c r="G15" s="158"/>
      <c r="H15" s="158"/>
      <c r="I15" s="147"/>
      <c r="J15" s="259"/>
      <c r="L15" s="147"/>
      <c r="M15" s="158"/>
      <c r="N15" s="147"/>
      <c r="O15" s="158"/>
      <c r="P15" s="158"/>
      <c r="Q15" s="147"/>
      <c r="R15" s="247"/>
      <c r="S15" s="204"/>
      <c r="T15"/>
      <c r="U15" s="251"/>
      <c r="V15" s="251"/>
      <c r="W15" s="251"/>
      <c r="X15" s="251"/>
      <c r="Y15" s="251"/>
      <c r="Z15" s="251"/>
      <c r="AA15" s="251"/>
      <c r="AB15" s="251"/>
      <c r="AC15" s="251"/>
      <c r="AD15" s="251"/>
    </row>
    <row r="16" spans="1:30" s="47" customFormat="1">
      <c r="A16" s="150"/>
      <c r="B16" s="48"/>
      <c r="C16" s="48" t="s">
        <v>34</v>
      </c>
      <c r="D16" s="172"/>
      <c r="E16" s="173"/>
      <c r="F16" s="172"/>
      <c r="G16" s="173"/>
      <c r="H16" s="173"/>
      <c r="I16" s="172"/>
      <c r="J16" s="261"/>
      <c r="L16" s="172"/>
      <c r="M16" s="173"/>
      <c r="N16" s="172"/>
      <c r="O16" s="173" t="s">
        <v>9</v>
      </c>
      <c r="P16" s="173" t="s">
        <v>9</v>
      </c>
      <c r="Q16" s="172"/>
      <c r="R16" s="248" t="s">
        <v>9</v>
      </c>
      <c r="S16" s="204"/>
      <c r="T16"/>
      <c r="U16" s="251"/>
      <c r="V16" s="251"/>
      <c r="W16" s="251"/>
      <c r="X16" s="251"/>
      <c r="Y16" s="251"/>
      <c r="Z16" s="251"/>
      <c r="AA16" s="251"/>
      <c r="AB16" s="251"/>
      <c r="AC16" s="251"/>
      <c r="AD16" s="251"/>
    </row>
    <row r="17" spans="1:28" s="162" customFormat="1">
      <c r="A17" s="160"/>
      <c r="B17" s="50" t="s">
        <v>35</v>
      </c>
      <c r="D17" s="175">
        <v>56956.3</v>
      </c>
      <c r="E17" s="176">
        <v>3.5999999999999999E-3</v>
      </c>
      <c r="F17" s="175">
        <v>165</v>
      </c>
      <c r="G17" s="176">
        <v>44.9</v>
      </c>
      <c r="H17" s="176">
        <v>0.9</v>
      </c>
      <c r="I17" s="175">
        <v>705.6</v>
      </c>
      <c r="J17" s="262">
        <v>1.2388445176389618</v>
      </c>
      <c r="L17" s="175"/>
      <c r="M17" s="176"/>
      <c r="N17" s="175"/>
      <c r="O17" s="176"/>
      <c r="P17" s="176"/>
      <c r="Q17" s="175"/>
      <c r="R17" s="249"/>
      <c r="S17" s="204"/>
      <c r="T17"/>
    </row>
    <row r="18" spans="1:28">
      <c r="A18" s="198"/>
      <c r="B18" s="43"/>
      <c r="C18" s="43"/>
      <c r="G18" s="148"/>
    </row>
    <row r="19" spans="1:28">
      <c r="A19" s="198"/>
      <c r="B19" s="43"/>
      <c r="C19" s="43"/>
      <c r="G19" s="148"/>
    </row>
    <row r="20" spans="1:28" ht="38.25">
      <c r="A20" s="150"/>
      <c r="B20" s="199" t="s">
        <v>139</v>
      </c>
      <c r="C20" s="200" t="s">
        <v>27</v>
      </c>
      <c r="D20" s="201" t="s">
        <v>120</v>
      </c>
      <c r="E20" s="201" t="s">
        <v>118</v>
      </c>
      <c r="F20" s="201" t="s">
        <v>31</v>
      </c>
      <c r="G20" s="201" t="s">
        <v>121</v>
      </c>
      <c r="H20" s="201" t="s">
        <v>119</v>
      </c>
      <c r="I20" s="201" t="s">
        <v>156</v>
      </c>
      <c r="J20" s="201" t="s">
        <v>143</v>
      </c>
      <c r="K20" s="202"/>
      <c r="L20" s="201" t="s">
        <v>120</v>
      </c>
      <c r="M20" s="201" t="s">
        <v>118</v>
      </c>
      <c r="N20" s="201" t="s">
        <v>31</v>
      </c>
      <c r="O20" s="201" t="s">
        <v>121</v>
      </c>
      <c r="P20" s="201" t="s">
        <v>119</v>
      </c>
      <c r="Q20" s="201" t="s">
        <v>156</v>
      </c>
      <c r="R20" s="201" t="s">
        <v>143</v>
      </c>
      <c r="S20"/>
      <c r="U20"/>
      <c r="V20"/>
      <c r="W20"/>
      <c r="X20"/>
      <c r="Y20"/>
      <c r="Z20"/>
      <c r="AA20"/>
      <c r="AB20"/>
    </row>
    <row r="21" spans="1:28" s="47" customFormat="1">
      <c r="A21" s="150"/>
      <c r="B21" s="203" t="s">
        <v>123</v>
      </c>
      <c r="C21" s="147" t="s">
        <v>132</v>
      </c>
      <c r="D21" s="147">
        <v>8512.4</v>
      </c>
      <c r="E21" s="158">
        <v>0.1</v>
      </c>
      <c r="F21" s="147">
        <v>200</v>
      </c>
      <c r="G21" s="158">
        <v>30.8</v>
      </c>
      <c r="H21" s="158">
        <v>1.5</v>
      </c>
      <c r="I21" s="147">
        <v>752.3</v>
      </c>
      <c r="J21" s="259">
        <v>8.8376955970114182</v>
      </c>
      <c r="K21" s="165"/>
      <c r="L21" s="147">
        <v>9628</v>
      </c>
      <c r="M21" s="158">
        <v>5.3078575314717324E-2</v>
      </c>
      <c r="N21" s="147">
        <v>181</v>
      </c>
      <c r="O21" s="158">
        <v>34.150952572049768</v>
      </c>
      <c r="P21" s="158">
        <v>1.5</v>
      </c>
      <c r="Q21" s="147">
        <v>1033</v>
      </c>
      <c r="R21" s="259">
        <v>10.725031717366482</v>
      </c>
      <c r="S21" s="204"/>
      <c r="T21"/>
      <c r="U21" s="250"/>
      <c r="V21" s="250"/>
      <c r="W21" s="250"/>
      <c r="X21" s="250"/>
      <c r="Y21" s="250"/>
      <c r="Z21" s="250"/>
    </row>
    <row r="22" spans="1:28" s="47" customFormat="1">
      <c r="A22" s="150"/>
      <c r="B22" s="159"/>
      <c r="C22" s="159" t="s">
        <v>133</v>
      </c>
      <c r="D22" s="147">
        <v>3671.6</v>
      </c>
      <c r="E22" s="158">
        <v>0.2</v>
      </c>
      <c r="F22" s="147">
        <v>251</v>
      </c>
      <c r="G22" s="158">
        <v>32.299999999999997</v>
      </c>
      <c r="H22" s="158">
        <v>2.4</v>
      </c>
      <c r="I22" s="147">
        <v>1191.9000000000001</v>
      </c>
      <c r="J22" s="260">
        <v>32.462686567164184</v>
      </c>
      <c r="K22" s="165"/>
      <c r="L22" s="147">
        <v>4371</v>
      </c>
      <c r="M22" s="158">
        <v>0.24185343638206783</v>
      </c>
      <c r="N22" s="147">
        <v>281</v>
      </c>
      <c r="O22" s="158">
        <v>28.201280188299055</v>
      </c>
      <c r="P22" s="158">
        <v>2.5</v>
      </c>
      <c r="Q22" s="147">
        <v>1292</v>
      </c>
      <c r="R22" s="260">
        <v>29.6</v>
      </c>
      <c r="S22" s="204"/>
      <c r="T22"/>
      <c r="U22" s="250"/>
      <c r="V22" s="250"/>
      <c r="W22" s="250"/>
      <c r="X22" s="250"/>
      <c r="Y22" s="250"/>
      <c r="Z22" s="250"/>
    </row>
    <row r="23" spans="1:28" s="47" customFormat="1">
      <c r="A23" s="150"/>
      <c r="B23" s="159"/>
      <c r="C23" s="159" t="s">
        <v>134</v>
      </c>
      <c r="D23" s="147">
        <v>447.2</v>
      </c>
      <c r="E23" s="158">
        <v>0.9</v>
      </c>
      <c r="F23" s="147">
        <v>113</v>
      </c>
      <c r="G23" s="158">
        <v>30.6</v>
      </c>
      <c r="H23" s="158">
        <v>2.2999999999999998</v>
      </c>
      <c r="I23" s="147">
        <v>197.2</v>
      </c>
      <c r="J23" s="259">
        <v>44.096601073345262</v>
      </c>
      <c r="K23" s="165"/>
      <c r="L23" s="147">
        <v>683</v>
      </c>
      <c r="M23" s="158">
        <v>1.0205648707743855</v>
      </c>
      <c r="N23" s="147">
        <v>102</v>
      </c>
      <c r="O23" s="158">
        <v>35.733462141161866</v>
      </c>
      <c r="P23" s="158">
        <v>2.5</v>
      </c>
      <c r="Q23" s="147">
        <v>466</v>
      </c>
      <c r="R23" s="259">
        <v>68.248888118686082</v>
      </c>
      <c r="S23" s="204"/>
      <c r="T23"/>
      <c r="U23" s="250"/>
      <c r="V23" s="250"/>
      <c r="W23" s="250"/>
      <c r="X23" s="250"/>
      <c r="Y23" s="250"/>
      <c r="Z23" s="250"/>
    </row>
    <row r="24" spans="1:28" s="47" customFormat="1">
      <c r="A24" s="150"/>
      <c r="B24" s="159"/>
      <c r="C24" s="159" t="s">
        <v>135</v>
      </c>
      <c r="D24" s="147">
        <v>40.799999999999997</v>
      </c>
      <c r="E24" s="158">
        <v>2.9</v>
      </c>
      <c r="F24" s="147">
        <v>20</v>
      </c>
      <c r="G24" s="158">
        <v>45</v>
      </c>
      <c r="H24" s="158">
        <v>2.5</v>
      </c>
      <c r="I24" s="147">
        <v>55.1</v>
      </c>
      <c r="J24" s="260">
        <v>135.04901960784315</v>
      </c>
      <c r="K24" s="165"/>
      <c r="L24" s="147">
        <v>134</v>
      </c>
      <c r="M24" s="158">
        <v>3.77082241570898</v>
      </c>
      <c r="N24" s="147">
        <v>28</v>
      </c>
      <c r="O24" s="158">
        <v>34.840157864759284</v>
      </c>
      <c r="P24" s="158">
        <v>1.3</v>
      </c>
      <c r="Q24" s="147">
        <v>125</v>
      </c>
      <c r="R24" s="260">
        <v>93.3</v>
      </c>
      <c r="S24" s="204"/>
      <c r="T24"/>
      <c r="U24" s="250"/>
      <c r="V24" s="250"/>
      <c r="W24" s="250"/>
      <c r="X24" s="250"/>
      <c r="Y24" s="250"/>
      <c r="Z24" s="250"/>
    </row>
    <row r="25" spans="1:28" s="47" customFormat="1">
      <c r="A25" s="150"/>
      <c r="B25" s="159"/>
      <c r="C25" s="159" t="s">
        <v>136</v>
      </c>
      <c r="D25" s="147"/>
      <c r="E25" s="158" t="s">
        <v>9</v>
      </c>
      <c r="F25" s="147"/>
      <c r="G25" s="158" t="s">
        <v>9</v>
      </c>
      <c r="H25" s="158"/>
      <c r="I25" s="147"/>
      <c r="J25" s="259" t="s">
        <v>9</v>
      </c>
      <c r="K25" s="165"/>
      <c r="L25" s="147"/>
      <c r="M25" s="158"/>
      <c r="N25" s="147"/>
      <c r="O25" s="158"/>
      <c r="P25" s="158"/>
      <c r="Q25" s="147"/>
      <c r="R25" s="259"/>
      <c r="S25" s="204"/>
      <c r="T25"/>
      <c r="U25" s="250"/>
      <c r="V25" s="250"/>
      <c r="W25" s="250"/>
      <c r="X25" s="250"/>
      <c r="Y25" s="250"/>
      <c r="Z25" s="250"/>
    </row>
    <row r="26" spans="1:28" s="47" customFormat="1">
      <c r="A26" s="150"/>
      <c r="B26" s="159"/>
      <c r="C26" s="159" t="s">
        <v>137</v>
      </c>
      <c r="D26" s="147">
        <v>4.8</v>
      </c>
      <c r="E26" s="158">
        <v>14.9</v>
      </c>
      <c r="F26" s="147">
        <v>4</v>
      </c>
      <c r="G26" s="158">
        <v>45</v>
      </c>
      <c r="H26" s="158">
        <v>2.5</v>
      </c>
      <c r="I26" s="147">
        <v>8.8000000000000007</v>
      </c>
      <c r="J26" s="260">
        <v>183.33333333333334</v>
      </c>
      <c r="K26" s="165"/>
      <c r="L26" s="147">
        <v>11</v>
      </c>
      <c r="M26" s="158">
        <v>14.929648463253006</v>
      </c>
      <c r="N26" s="147">
        <v>5</v>
      </c>
      <c r="O26" s="158">
        <v>45.000000000000007</v>
      </c>
      <c r="P26" s="158">
        <v>2.5</v>
      </c>
      <c r="Q26" s="147">
        <v>20</v>
      </c>
      <c r="R26" s="260">
        <v>181.8</v>
      </c>
      <c r="S26" s="204"/>
      <c r="T26"/>
      <c r="U26" s="250"/>
      <c r="V26" s="250"/>
      <c r="W26" s="250"/>
      <c r="X26" s="250"/>
      <c r="Y26" s="250"/>
      <c r="Z26" s="250"/>
    </row>
    <row r="27" spans="1:28" s="47" customFormat="1">
      <c r="A27" s="150"/>
      <c r="B27" s="159"/>
      <c r="C27" s="159" t="s">
        <v>138</v>
      </c>
      <c r="D27" s="147"/>
      <c r="E27" s="158" t="s">
        <v>9</v>
      </c>
      <c r="F27" s="147"/>
      <c r="G27" s="158" t="s">
        <v>9</v>
      </c>
      <c r="H27" s="158"/>
      <c r="I27" s="147"/>
      <c r="J27" s="259" t="s">
        <v>9</v>
      </c>
      <c r="K27" s="165"/>
      <c r="L27" s="147"/>
      <c r="M27" s="158"/>
      <c r="N27" s="147"/>
      <c r="O27" s="158" t="s">
        <v>9</v>
      </c>
      <c r="P27" s="158"/>
      <c r="Q27" s="147"/>
      <c r="R27" s="259" t="s">
        <v>9</v>
      </c>
      <c r="S27" s="204"/>
      <c r="T27"/>
      <c r="U27" s="250"/>
      <c r="V27" s="250"/>
      <c r="W27" s="250"/>
      <c r="X27" s="250"/>
      <c r="Y27" s="250"/>
      <c r="Z27" s="250"/>
    </row>
    <row r="28" spans="1:28" s="47" customFormat="1">
      <c r="A28" s="150"/>
      <c r="B28" s="48"/>
      <c r="C28" s="48" t="s">
        <v>34</v>
      </c>
      <c r="D28" s="172"/>
      <c r="E28" s="173" t="s">
        <v>9</v>
      </c>
      <c r="F28" s="172"/>
      <c r="G28" s="173" t="s">
        <v>9</v>
      </c>
      <c r="H28" s="173"/>
      <c r="I28" s="172"/>
      <c r="J28" s="261" t="s">
        <v>9</v>
      </c>
      <c r="K28" s="165"/>
      <c r="L28" s="172"/>
      <c r="M28" s="173"/>
      <c r="N28" s="172"/>
      <c r="O28" s="173" t="s">
        <v>9</v>
      </c>
      <c r="P28" s="173"/>
      <c r="Q28" s="172"/>
      <c r="R28" s="261" t="s">
        <v>9</v>
      </c>
      <c r="S28" s="204"/>
      <c r="T28"/>
      <c r="U28" s="250"/>
      <c r="V28" s="250"/>
      <c r="W28" s="250"/>
      <c r="X28" s="250"/>
      <c r="Y28" s="250"/>
      <c r="Z28" s="250"/>
    </row>
    <row r="29" spans="1:28" s="162" customFormat="1">
      <c r="A29" s="160"/>
      <c r="B29" s="50" t="s">
        <v>35</v>
      </c>
      <c r="D29" s="175">
        <v>12676.8</v>
      </c>
      <c r="E29" s="176">
        <v>0.2</v>
      </c>
      <c r="F29" s="175">
        <v>588</v>
      </c>
      <c r="G29" s="176">
        <v>31.2</v>
      </c>
      <c r="H29" s="176">
        <v>1.8</v>
      </c>
      <c r="I29" s="175">
        <v>2205.3000000000002</v>
      </c>
      <c r="J29" s="262">
        <v>17.396346081029915</v>
      </c>
      <c r="K29" s="263"/>
      <c r="L29" s="175">
        <v>14827</v>
      </c>
      <c r="M29" s="176">
        <v>0.2</v>
      </c>
      <c r="N29" s="175">
        <v>597</v>
      </c>
      <c r="O29" s="176">
        <v>32.484149080782579</v>
      </c>
      <c r="P29" s="176">
        <v>1.8</v>
      </c>
      <c r="Q29" s="175">
        <v>2936.2179801910042</v>
      </c>
      <c r="R29" s="262">
        <v>19.802345206257009</v>
      </c>
      <c r="S29" s="204"/>
      <c r="T29"/>
    </row>
    <row r="30" spans="1:28">
      <c r="D30" s="47"/>
      <c r="E30" s="47"/>
      <c r="F30" s="47"/>
      <c r="G30" s="47"/>
      <c r="H30" s="47"/>
      <c r="I30" s="165"/>
      <c r="K30" s="47"/>
      <c r="L30" s="47"/>
      <c r="M30" s="47"/>
      <c r="N30" s="47"/>
      <c r="O30" s="47"/>
      <c r="P30" s="47"/>
      <c r="Q30" s="165"/>
      <c r="S30" s="204"/>
    </row>
    <row r="31" spans="1:28" s="47" customFormat="1">
      <c r="B31" s="150"/>
      <c r="C31" s="150"/>
      <c r="D31" s="42"/>
      <c r="E31" s="42"/>
      <c r="F31" s="42"/>
      <c r="G31" s="42"/>
      <c r="H31" s="42"/>
      <c r="I31" s="165"/>
      <c r="K31" s="42"/>
      <c r="L31" s="42"/>
      <c r="M31" s="42"/>
      <c r="N31" s="42"/>
      <c r="O31" s="42"/>
      <c r="P31" s="42"/>
      <c r="Q31" s="165"/>
      <c r="S31" s="204"/>
      <c r="T31"/>
    </row>
    <row r="32" spans="1:28" ht="38.25">
      <c r="A32" s="150"/>
      <c r="B32" s="199" t="s">
        <v>139</v>
      </c>
      <c r="C32" s="200" t="s">
        <v>27</v>
      </c>
      <c r="D32" s="201" t="s">
        <v>120</v>
      </c>
      <c r="E32" s="201" t="s">
        <v>118</v>
      </c>
      <c r="F32" s="201" t="s">
        <v>31</v>
      </c>
      <c r="G32" s="201" t="s">
        <v>121</v>
      </c>
      <c r="H32" s="201" t="s">
        <v>119</v>
      </c>
      <c r="I32" s="201" t="s">
        <v>156</v>
      </c>
      <c r="J32" s="201" t="s">
        <v>143</v>
      </c>
      <c r="K32" s="202"/>
      <c r="L32" s="201" t="s">
        <v>120</v>
      </c>
      <c r="M32" s="201" t="s">
        <v>118</v>
      </c>
      <c r="N32" s="201" t="s">
        <v>31</v>
      </c>
      <c r="O32" s="201" t="s">
        <v>121</v>
      </c>
      <c r="P32" s="201" t="s">
        <v>119</v>
      </c>
      <c r="Q32" s="201" t="s">
        <v>156</v>
      </c>
      <c r="R32" s="201" t="s">
        <v>143</v>
      </c>
      <c r="S32" s="204"/>
    </row>
    <row r="33" spans="1:26" s="47" customFormat="1">
      <c r="B33" s="203" t="s">
        <v>117</v>
      </c>
      <c r="C33" s="147" t="s">
        <v>132</v>
      </c>
      <c r="D33" s="147">
        <v>6533.4</v>
      </c>
      <c r="E33" s="158">
        <v>0.05</v>
      </c>
      <c r="F33" s="147">
        <v>312</v>
      </c>
      <c r="G33" s="158">
        <v>25.1</v>
      </c>
      <c r="H33" s="158">
        <v>1.5</v>
      </c>
      <c r="I33" s="147">
        <v>476.7</v>
      </c>
      <c r="J33" s="259">
        <v>7.2963541188355228</v>
      </c>
      <c r="L33" s="147">
        <v>6935.1072237160015</v>
      </c>
      <c r="M33" s="158">
        <v>0</v>
      </c>
      <c r="N33" s="147">
        <v>197</v>
      </c>
      <c r="O33" s="158">
        <v>23.483665215982722</v>
      </c>
      <c r="P33" s="158">
        <v>2</v>
      </c>
      <c r="Q33" s="147">
        <v>794.8266473120002</v>
      </c>
      <c r="R33" s="259">
        <v>11.460913604824016</v>
      </c>
      <c r="S33" s="265"/>
      <c r="T33"/>
      <c r="U33" s="250"/>
      <c r="V33" s="250"/>
      <c r="W33" s="250"/>
      <c r="X33" s="250"/>
      <c r="Y33" s="250"/>
      <c r="Z33" s="250"/>
    </row>
    <row r="34" spans="1:26" s="47" customFormat="1">
      <c r="B34" s="159"/>
      <c r="C34" s="159" t="s">
        <v>133</v>
      </c>
      <c r="D34" s="147">
        <v>6760.4</v>
      </c>
      <c r="E34" s="158">
        <v>0.2</v>
      </c>
      <c r="F34" s="147">
        <v>230</v>
      </c>
      <c r="G34" s="158">
        <v>3.2</v>
      </c>
      <c r="H34" s="158">
        <v>2.4</v>
      </c>
      <c r="I34" s="147">
        <v>25</v>
      </c>
      <c r="J34" s="260">
        <v>0.36980060351458494</v>
      </c>
      <c r="L34" s="147">
        <v>2935.2960895870006</v>
      </c>
      <c r="M34" s="158">
        <v>0.27400087856870836</v>
      </c>
      <c r="N34" s="147">
        <v>134</v>
      </c>
      <c r="O34" s="158">
        <v>5.9946088494315299</v>
      </c>
      <c r="P34" s="158">
        <v>2.2000000000000002</v>
      </c>
      <c r="Q34" s="147">
        <v>102.49359691199999</v>
      </c>
      <c r="R34" s="260">
        <v>3.4917634808834892</v>
      </c>
      <c r="S34" s="265"/>
      <c r="T34"/>
      <c r="U34" s="250"/>
      <c r="V34" s="250"/>
      <c r="W34" s="250"/>
      <c r="X34" s="250"/>
      <c r="Y34" s="250"/>
      <c r="Z34" s="250"/>
    </row>
    <row r="35" spans="1:26" s="47" customFormat="1">
      <c r="B35" s="159"/>
      <c r="C35" s="159" t="s">
        <v>134</v>
      </c>
      <c r="D35" s="147">
        <v>382.9</v>
      </c>
      <c r="E35" s="158">
        <v>1.2</v>
      </c>
      <c r="F35" s="147">
        <v>69</v>
      </c>
      <c r="G35" s="158">
        <v>9.1999999999999993</v>
      </c>
      <c r="H35" s="158">
        <v>2.2999999999999998</v>
      </c>
      <c r="I35" s="147"/>
      <c r="J35" s="259"/>
      <c r="L35" s="147">
        <v>247.63238148399998</v>
      </c>
      <c r="M35" s="158">
        <v>0.92096364940654618</v>
      </c>
      <c r="N35" s="147">
        <v>28</v>
      </c>
      <c r="O35" s="158"/>
      <c r="P35" s="158">
        <v>2.5</v>
      </c>
      <c r="Q35" s="147"/>
      <c r="R35" s="259"/>
      <c r="S35" s="265"/>
      <c r="T35"/>
      <c r="U35" s="250"/>
      <c r="V35" s="250"/>
      <c r="W35" s="250"/>
      <c r="X35" s="250"/>
      <c r="Y35" s="250"/>
      <c r="Z35" s="250"/>
    </row>
    <row r="36" spans="1:26" s="47" customFormat="1">
      <c r="B36" s="159"/>
      <c r="C36" s="159" t="s">
        <v>135</v>
      </c>
      <c r="D36" s="147">
        <v>5.0999999999999996</v>
      </c>
      <c r="E36" s="158">
        <v>2</v>
      </c>
      <c r="F36" s="147">
        <v>1</v>
      </c>
      <c r="G36" s="158"/>
      <c r="H36" s="158">
        <v>2.5</v>
      </c>
      <c r="I36" s="147"/>
      <c r="J36" s="260"/>
      <c r="L36" s="147">
        <v>9.7758140000000004</v>
      </c>
      <c r="M36" s="158">
        <v>2</v>
      </c>
      <c r="N36" s="147">
        <v>3</v>
      </c>
      <c r="O36" s="158"/>
      <c r="P36" s="158">
        <v>2.5</v>
      </c>
      <c r="Q36" s="147"/>
      <c r="R36" s="260"/>
      <c r="S36" s="265"/>
      <c r="T36"/>
      <c r="U36" s="250"/>
      <c r="V36" s="250"/>
      <c r="W36" s="250"/>
      <c r="X36" s="250"/>
      <c r="Y36" s="250"/>
      <c r="Z36" s="250"/>
    </row>
    <row r="37" spans="1:26" s="47" customFormat="1">
      <c r="B37" s="159"/>
      <c r="C37" s="159" t="s">
        <v>136</v>
      </c>
      <c r="D37" s="147"/>
      <c r="E37" s="158" t="s">
        <v>9</v>
      </c>
      <c r="F37" s="147"/>
      <c r="G37" s="158" t="s">
        <v>9</v>
      </c>
      <c r="H37" s="158"/>
      <c r="I37" s="147"/>
      <c r="J37" s="259" t="s">
        <v>9</v>
      </c>
      <c r="L37" s="147"/>
      <c r="M37" s="158" t="s">
        <v>9</v>
      </c>
      <c r="N37" s="147"/>
      <c r="O37" s="158" t="s">
        <v>9</v>
      </c>
      <c r="P37" s="158"/>
      <c r="Q37" s="147"/>
      <c r="R37" s="259" t="s">
        <v>9</v>
      </c>
      <c r="S37" s="265"/>
      <c r="T37"/>
      <c r="U37" s="250"/>
      <c r="V37" s="250"/>
      <c r="W37" s="250"/>
      <c r="X37" s="250"/>
      <c r="Y37" s="250"/>
      <c r="Z37" s="250"/>
    </row>
    <row r="38" spans="1:26" s="47" customFormat="1">
      <c r="B38" s="159"/>
      <c r="C38" s="159" t="s">
        <v>137</v>
      </c>
      <c r="D38" s="147"/>
      <c r="E38" s="158" t="s">
        <v>9</v>
      </c>
      <c r="F38" s="147"/>
      <c r="G38" s="158" t="s">
        <v>9</v>
      </c>
      <c r="H38" s="158"/>
      <c r="I38" s="147"/>
      <c r="J38" s="260" t="s">
        <v>9</v>
      </c>
      <c r="L38" s="147"/>
      <c r="M38" s="158" t="s">
        <v>9</v>
      </c>
      <c r="N38" s="147"/>
      <c r="O38" s="158" t="s">
        <v>9</v>
      </c>
      <c r="P38" s="158"/>
      <c r="Q38" s="147"/>
      <c r="R38" s="260" t="s">
        <v>9</v>
      </c>
      <c r="S38" s="265"/>
      <c r="T38"/>
      <c r="U38" s="250"/>
      <c r="V38" s="250"/>
      <c r="W38" s="250"/>
      <c r="X38" s="250"/>
      <c r="Y38" s="250"/>
      <c r="Z38" s="250"/>
    </row>
    <row r="39" spans="1:26" s="47" customFormat="1">
      <c r="B39" s="159"/>
      <c r="C39" s="159" t="s">
        <v>138</v>
      </c>
      <c r="D39" s="147"/>
      <c r="E39" s="158" t="s">
        <v>9</v>
      </c>
      <c r="F39" s="147"/>
      <c r="G39" s="158" t="s">
        <v>9</v>
      </c>
      <c r="H39" s="158"/>
      <c r="I39" s="147"/>
      <c r="J39" s="259" t="s">
        <v>9</v>
      </c>
      <c r="L39" s="147"/>
      <c r="M39" s="158" t="s">
        <v>9</v>
      </c>
      <c r="N39" s="147"/>
      <c r="O39" s="158" t="s">
        <v>9</v>
      </c>
      <c r="P39" s="158"/>
      <c r="Q39" s="147"/>
      <c r="R39" s="259" t="s">
        <v>9</v>
      </c>
      <c r="S39" s="265"/>
      <c r="T39"/>
    </row>
    <row r="40" spans="1:26" s="47" customFormat="1">
      <c r="B40" s="48"/>
      <c r="C40" s="48" t="s">
        <v>34</v>
      </c>
      <c r="D40" s="172"/>
      <c r="E40" s="173" t="s">
        <v>9</v>
      </c>
      <c r="F40" s="172"/>
      <c r="G40" s="173" t="s">
        <v>9</v>
      </c>
      <c r="H40" s="173"/>
      <c r="I40" s="172"/>
      <c r="J40" s="261" t="s">
        <v>9</v>
      </c>
      <c r="L40" s="172"/>
      <c r="M40" s="173" t="s">
        <v>9</v>
      </c>
      <c r="N40" s="172"/>
      <c r="O40" s="173" t="s">
        <v>9</v>
      </c>
      <c r="P40" s="173"/>
      <c r="Q40" s="172"/>
      <c r="R40" s="261" t="s">
        <v>9</v>
      </c>
      <c r="S40" s="265"/>
      <c r="T40"/>
    </row>
    <row r="41" spans="1:26" s="162" customFormat="1">
      <c r="B41" s="50" t="s">
        <v>35</v>
      </c>
      <c r="D41" s="175">
        <v>13681.8</v>
      </c>
      <c r="E41" s="176">
        <v>0.2</v>
      </c>
      <c r="F41" s="175">
        <v>612</v>
      </c>
      <c r="G41" s="176">
        <v>13.8</v>
      </c>
      <c r="H41" s="176">
        <v>2.2000000000000002</v>
      </c>
      <c r="I41" s="175">
        <v>501.7</v>
      </c>
      <c r="J41" s="262">
        <v>3.6669151719802953</v>
      </c>
      <c r="L41" s="175">
        <v>10127.811508787006</v>
      </c>
      <c r="M41" s="176">
        <v>0.13611977512293219</v>
      </c>
      <c r="N41" s="175">
        <v>362</v>
      </c>
      <c r="O41" s="176">
        <v>17.818033840426715</v>
      </c>
      <c r="P41" s="176">
        <v>2</v>
      </c>
      <c r="Q41" s="175">
        <v>897.32024422400036</v>
      </c>
      <c r="R41" s="262">
        <v>8.8599619320074794</v>
      </c>
      <c r="S41" s="265"/>
      <c r="T41"/>
    </row>
    <row r="42" spans="1:26" s="47" customFormat="1">
      <c r="B42" s="205"/>
      <c r="C42" s="205"/>
      <c r="D42" s="206"/>
      <c r="E42" s="206"/>
      <c r="F42" s="206"/>
      <c r="G42" s="206"/>
      <c r="H42" s="206"/>
      <c r="I42" s="206"/>
      <c r="J42" s="264"/>
      <c r="L42" s="206"/>
      <c r="M42" s="206"/>
      <c r="N42" s="206"/>
      <c r="O42" s="206"/>
      <c r="P42" s="206"/>
      <c r="Q42" s="206"/>
      <c r="R42" s="264"/>
      <c r="S42" s="265"/>
      <c r="T42"/>
    </row>
    <row r="43" spans="1:26">
      <c r="D43" s="178"/>
      <c r="E43" s="178"/>
      <c r="F43" s="178"/>
      <c r="G43" s="178"/>
      <c r="H43" s="178"/>
      <c r="I43" s="178"/>
      <c r="J43" s="178"/>
      <c r="K43" s="178"/>
      <c r="L43" s="178"/>
      <c r="M43" s="178"/>
      <c r="N43" s="178"/>
      <c r="O43" s="178"/>
      <c r="P43" s="178"/>
      <c r="Q43" s="178"/>
      <c r="R43" s="178"/>
      <c r="S43" s="204"/>
    </row>
    <row r="44" spans="1:26">
      <c r="B44" s="150"/>
      <c r="C44" s="150"/>
      <c r="S44" s="204"/>
    </row>
    <row r="45" spans="1:26" ht="38.25">
      <c r="A45" s="150"/>
      <c r="B45" s="199" t="s">
        <v>139</v>
      </c>
      <c r="C45" s="154" t="s">
        <v>27</v>
      </c>
      <c r="D45" s="201" t="s">
        <v>120</v>
      </c>
      <c r="E45" s="201" t="s">
        <v>118</v>
      </c>
      <c r="F45" s="201" t="s">
        <v>31</v>
      </c>
      <c r="G45" s="201" t="s">
        <v>121</v>
      </c>
      <c r="H45" s="201" t="s">
        <v>119</v>
      </c>
      <c r="I45" s="201" t="s">
        <v>156</v>
      </c>
      <c r="J45" s="201" t="s">
        <v>143</v>
      </c>
      <c r="K45" s="202"/>
      <c r="L45" s="201" t="s">
        <v>120</v>
      </c>
      <c r="M45" s="201" t="s">
        <v>118</v>
      </c>
      <c r="N45" s="201" t="s">
        <v>31</v>
      </c>
      <c r="O45" s="201" t="s">
        <v>121</v>
      </c>
      <c r="P45" s="201" t="s">
        <v>119</v>
      </c>
      <c r="Q45" s="201" t="s">
        <v>156</v>
      </c>
      <c r="R45" s="201" t="s">
        <v>143</v>
      </c>
      <c r="S45" s="204"/>
    </row>
    <row r="46" spans="1:26" s="47" customFormat="1">
      <c r="B46" s="203" t="s">
        <v>122</v>
      </c>
      <c r="C46" s="147" t="s">
        <v>132</v>
      </c>
      <c r="D46" s="147">
        <v>23961.1</v>
      </c>
      <c r="E46" s="158">
        <v>0.1</v>
      </c>
      <c r="F46" s="147">
        <v>692</v>
      </c>
      <c r="G46" s="158">
        <v>29.8</v>
      </c>
      <c r="H46" s="158">
        <v>2.2999999999999998</v>
      </c>
      <c r="I46" s="147">
        <v>3097.5</v>
      </c>
      <c r="J46" s="259">
        <v>12.927202841271896</v>
      </c>
      <c r="K46" s="165"/>
      <c r="L46" s="147">
        <v>32630</v>
      </c>
      <c r="M46" s="158">
        <v>5.1423085103854252E-2</v>
      </c>
      <c r="N46" s="147">
        <v>739</v>
      </c>
      <c r="O46" s="158">
        <v>30.043395317268143</v>
      </c>
      <c r="P46" s="158">
        <v>2</v>
      </c>
      <c r="Q46" s="147">
        <v>3789</v>
      </c>
      <c r="R46" s="260">
        <v>11.614476278716632</v>
      </c>
      <c r="S46" s="204"/>
      <c r="T46"/>
      <c r="U46" s="250"/>
      <c r="V46" s="250"/>
      <c r="W46" s="250"/>
      <c r="X46" s="250"/>
      <c r="Y46" s="250"/>
      <c r="Z46" s="250"/>
    </row>
    <row r="47" spans="1:26" s="47" customFormat="1">
      <c r="B47" s="159"/>
      <c r="C47" s="159" t="s">
        <v>133</v>
      </c>
      <c r="D47" s="147">
        <v>12527</v>
      </c>
      <c r="E47" s="158">
        <v>0.3</v>
      </c>
      <c r="F47" s="147">
        <v>889</v>
      </c>
      <c r="G47" s="158">
        <v>37.1</v>
      </c>
      <c r="H47" s="158">
        <v>2.2000000000000002</v>
      </c>
      <c r="I47" s="147">
        <v>4893.3</v>
      </c>
      <c r="J47" s="260">
        <v>39.062026023788619</v>
      </c>
      <c r="K47" s="165"/>
      <c r="L47" s="147">
        <v>15089.322846762998</v>
      </c>
      <c r="M47" s="158">
        <v>0.25258543135597578</v>
      </c>
      <c r="N47" s="147">
        <v>994</v>
      </c>
      <c r="O47" s="158">
        <v>36.728740920874792</v>
      </c>
      <c r="P47" s="158">
        <v>2.2000000000000002</v>
      </c>
      <c r="Q47" s="147">
        <v>5885</v>
      </c>
      <c r="R47" s="260">
        <v>38.990912184260829</v>
      </c>
      <c r="S47" s="204"/>
      <c r="T47"/>
      <c r="U47" s="250"/>
      <c r="V47" s="250"/>
      <c r="W47" s="250"/>
      <c r="X47" s="250"/>
      <c r="Y47" s="250"/>
      <c r="Z47" s="250"/>
    </row>
    <row r="48" spans="1:26" s="47" customFormat="1">
      <c r="B48" s="159"/>
      <c r="C48" s="159" t="s">
        <v>134</v>
      </c>
      <c r="D48" s="147">
        <v>3454.7</v>
      </c>
      <c r="E48" s="158">
        <v>0.8</v>
      </c>
      <c r="F48" s="147">
        <v>580</v>
      </c>
      <c r="G48" s="158">
        <v>40.5</v>
      </c>
      <c r="H48" s="158">
        <v>2</v>
      </c>
      <c r="I48" s="147">
        <v>2368.6999999999998</v>
      </c>
      <c r="J48" s="259">
        <v>68.564564216863971</v>
      </c>
      <c r="K48" s="165"/>
      <c r="L48" s="147">
        <v>4433.920967011999</v>
      </c>
      <c r="M48" s="158">
        <v>0.83859421856167293</v>
      </c>
      <c r="N48" s="147">
        <v>622</v>
      </c>
      <c r="O48" s="158">
        <v>39.706767902834926</v>
      </c>
      <c r="P48" s="158">
        <v>2.1</v>
      </c>
      <c r="Q48" s="147">
        <v>3090</v>
      </c>
      <c r="R48" s="260">
        <v>69.680329778206357</v>
      </c>
      <c r="S48" s="204"/>
      <c r="T48"/>
      <c r="U48" s="250"/>
      <c r="V48" s="250"/>
      <c r="W48" s="250"/>
      <c r="X48" s="250"/>
      <c r="Y48" s="250"/>
      <c r="Z48" s="250"/>
    </row>
    <row r="49" spans="1:26" s="47" customFormat="1">
      <c r="B49" s="159"/>
      <c r="C49" s="159" t="s">
        <v>135</v>
      </c>
      <c r="D49" s="147">
        <v>988.6</v>
      </c>
      <c r="E49" s="158">
        <v>2.5</v>
      </c>
      <c r="F49" s="147">
        <v>232</v>
      </c>
      <c r="G49" s="158">
        <v>18.7</v>
      </c>
      <c r="H49" s="158">
        <v>2.1</v>
      </c>
      <c r="I49" s="147">
        <v>487.9</v>
      </c>
      <c r="J49" s="260">
        <v>49.352619866477845</v>
      </c>
      <c r="K49" s="165"/>
      <c r="L49" s="147">
        <v>1133.8267109999999</v>
      </c>
      <c r="M49" s="158">
        <v>2.4881473365863487</v>
      </c>
      <c r="N49" s="147">
        <v>234</v>
      </c>
      <c r="O49" s="158">
        <v>19.570619728502763</v>
      </c>
      <c r="P49" s="158">
        <v>3</v>
      </c>
      <c r="Q49" s="147">
        <v>661</v>
      </c>
      <c r="R49" s="260">
        <v>58.309999536251865</v>
      </c>
      <c r="S49" s="204"/>
      <c r="T49"/>
      <c r="U49" s="250"/>
      <c r="V49" s="250"/>
      <c r="W49" s="250"/>
      <c r="X49" s="250"/>
      <c r="Y49" s="250"/>
      <c r="Z49" s="250"/>
    </row>
    <row r="50" spans="1:26" s="47" customFormat="1">
      <c r="B50" s="159"/>
      <c r="C50" s="159" t="s">
        <v>136</v>
      </c>
      <c r="D50" s="147">
        <v>15.7</v>
      </c>
      <c r="E50" s="158">
        <v>7.9</v>
      </c>
      <c r="F50" s="147">
        <v>22</v>
      </c>
      <c r="G50" s="158">
        <v>33.799999999999997</v>
      </c>
      <c r="H50" s="158">
        <v>1</v>
      </c>
      <c r="I50" s="147">
        <v>17.7</v>
      </c>
      <c r="J50" s="259">
        <v>112.73885350318471</v>
      </c>
      <c r="K50" s="165"/>
      <c r="L50" s="147">
        <v>606</v>
      </c>
      <c r="M50" s="158">
        <v>8</v>
      </c>
      <c r="N50" s="147">
        <v>31</v>
      </c>
      <c r="O50" s="158">
        <v>9</v>
      </c>
      <c r="P50" s="158"/>
      <c r="Q50" s="147">
        <v>210</v>
      </c>
      <c r="R50" s="260">
        <v>34.700000000000003</v>
      </c>
      <c r="S50" s="204"/>
      <c r="T50"/>
      <c r="U50" s="250"/>
      <c r="V50" s="250"/>
      <c r="W50" s="250"/>
      <c r="X50" s="250"/>
      <c r="Y50" s="250"/>
      <c r="Z50" s="250"/>
    </row>
    <row r="51" spans="1:26" s="47" customFormat="1">
      <c r="B51" s="159"/>
      <c r="C51" s="159" t="s">
        <v>137</v>
      </c>
      <c r="D51" s="147">
        <v>35.1</v>
      </c>
      <c r="E51" s="158">
        <v>12</v>
      </c>
      <c r="F51" s="147">
        <v>7</v>
      </c>
      <c r="G51" s="158">
        <v>29.1</v>
      </c>
      <c r="H51" s="158">
        <v>4.4000000000000004</v>
      </c>
      <c r="I51" s="147">
        <v>54.4</v>
      </c>
      <c r="J51" s="260">
        <v>154.98575498575497</v>
      </c>
      <c r="K51" s="165"/>
      <c r="L51" s="147">
        <v>4</v>
      </c>
      <c r="M51" s="158">
        <v>11</v>
      </c>
      <c r="N51" s="147">
        <v>5</v>
      </c>
      <c r="O51" s="158">
        <v>7.9916187125909737</v>
      </c>
      <c r="P51" s="158">
        <v>1</v>
      </c>
      <c r="Q51" s="147">
        <v>2</v>
      </c>
      <c r="R51" s="260">
        <v>50</v>
      </c>
      <c r="S51" s="204"/>
      <c r="T51"/>
      <c r="U51" s="250"/>
      <c r="V51" s="250"/>
      <c r="W51" s="250"/>
      <c r="X51" s="250"/>
      <c r="Y51" s="250"/>
      <c r="Z51" s="250"/>
    </row>
    <row r="52" spans="1:26" s="47" customFormat="1">
      <c r="B52" s="159"/>
      <c r="C52" s="159" t="s">
        <v>138</v>
      </c>
      <c r="D52" s="147"/>
      <c r="E52" s="158"/>
      <c r="F52" s="147"/>
      <c r="G52" s="158"/>
      <c r="H52" s="158"/>
      <c r="I52" s="147"/>
      <c r="J52" s="259"/>
      <c r="K52" s="165"/>
      <c r="L52" s="147"/>
      <c r="M52" s="158"/>
      <c r="N52" s="147"/>
      <c r="O52" s="158"/>
      <c r="P52" s="158"/>
      <c r="Q52" s="147"/>
      <c r="R52" s="260"/>
      <c r="S52" s="204"/>
      <c r="T52"/>
    </row>
    <row r="53" spans="1:26" s="47" customFormat="1">
      <c r="B53" s="48"/>
      <c r="C53" s="48" t="s">
        <v>34</v>
      </c>
      <c r="D53" s="172">
        <v>473.2</v>
      </c>
      <c r="E53" s="173">
        <v>100</v>
      </c>
      <c r="F53" s="172">
        <v>6</v>
      </c>
      <c r="G53" s="173">
        <v>12.2</v>
      </c>
      <c r="H53" s="173">
        <v>1.1000000000000001</v>
      </c>
      <c r="I53" s="172">
        <v>719.1</v>
      </c>
      <c r="J53" s="261">
        <v>151.96534234995772</v>
      </c>
      <c r="K53" s="165"/>
      <c r="L53" s="172">
        <v>12</v>
      </c>
      <c r="M53" s="173">
        <v>100</v>
      </c>
      <c r="N53" s="172">
        <v>4</v>
      </c>
      <c r="O53" s="173">
        <v>37</v>
      </c>
      <c r="P53" s="173">
        <v>1.2</v>
      </c>
      <c r="Q53" s="172">
        <v>57</v>
      </c>
      <c r="R53" s="267">
        <v>475</v>
      </c>
      <c r="S53" s="204"/>
      <c r="T53"/>
    </row>
    <row r="54" spans="1:26" s="162" customFormat="1">
      <c r="B54" s="50" t="s">
        <v>35</v>
      </c>
      <c r="D54" s="175">
        <v>41455.399999999987</v>
      </c>
      <c r="E54" s="176">
        <v>1.4</v>
      </c>
      <c r="F54" s="175">
        <v>2428</v>
      </c>
      <c r="G54" s="176">
        <v>32.4</v>
      </c>
      <c r="H54" s="176">
        <v>2.2000000000000002</v>
      </c>
      <c r="I54" s="175">
        <v>11638.6</v>
      </c>
      <c r="J54" s="262">
        <v>28.074991436580042</v>
      </c>
      <c r="K54" s="263"/>
      <c r="L54" s="175">
        <v>53909</v>
      </c>
      <c r="M54" s="176">
        <v>0.34</v>
      </c>
      <c r="N54" s="175">
        <v>2629</v>
      </c>
      <c r="O54" s="176">
        <v>32</v>
      </c>
      <c r="P54" s="176">
        <v>2.1</v>
      </c>
      <c r="Q54" s="175">
        <v>13694</v>
      </c>
      <c r="R54" s="268">
        <v>25.4</v>
      </c>
      <c r="S54" s="204"/>
      <c r="T54"/>
    </row>
    <row r="55" spans="1:26" s="47" customFormat="1">
      <c r="B55" s="150"/>
      <c r="C55" s="150"/>
      <c r="D55" s="175"/>
      <c r="E55" s="175"/>
      <c r="F55" s="175"/>
      <c r="G55" s="175"/>
      <c r="H55" s="175"/>
      <c r="I55" s="175"/>
      <c r="J55" s="175"/>
      <c r="K55" s="175"/>
      <c r="L55" s="175"/>
      <c r="M55" s="175"/>
      <c r="N55" s="175"/>
      <c r="O55" s="175"/>
      <c r="P55" s="175"/>
      <c r="Q55" s="175"/>
      <c r="R55" s="175"/>
      <c r="S55" s="204"/>
      <c r="T55"/>
    </row>
    <row r="56" spans="1:26" ht="43.5" customHeight="1">
      <c r="A56" s="150"/>
      <c r="B56" s="199" t="s">
        <v>139</v>
      </c>
      <c r="C56" s="200" t="s">
        <v>27</v>
      </c>
      <c r="D56" s="201" t="s">
        <v>120</v>
      </c>
      <c r="E56" s="201" t="s">
        <v>118</v>
      </c>
      <c r="F56" s="201" t="s">
        <v>31</v>
      </c>
      <c r="G56" s="201" t="s">
        <v>121</v>
      </c>
      <c r="H56" s="201" t="s">
        <v>119</v>
      </c>
      <c r="I56" s="201" t="s">
        <v>156</v>
      </c>
      <c r="J56" s="201" t="s">
        <v>143</v>
      </c>
      <c r="K56" s="202"/>
      <c r="L56" s="201" t="s">
        <v>120</v>
      </c>
      <c r="M56" s="201" t="s">
        <v>118</v>
      </c>
      <c r="N56" s="201" t="s">
        <v>31</v>
      </c>
      <c r="O56" s="201" t="s">
        <v>121</v>
      </c>
      <c r="P56" s="201" t="s">
        <v>119</v>
      </c>
      <c r="Q56" s="201" t="s">
        <v>156</v>
      </c>
      <c r="R56" s="201" t="s">
        <v>143</v>
      </c>
      <c r="S56" s="204"/>
      <c r="U56"/>
      <c r="V56"/>
      <c r="W56"/>
      <c r="X56"/>
      <c r="Y56"/>
      <c r="Z56"/>
    </row>
    <row r="57" spans="1:26" s="47" customFormat="1">
      <c r="B57" s="203" t="s">
        <v>124</v>
      </c>
      <c r="C57" s="147" t="s">
        <v>132</v>
      </c>
      <c r="D57" s="147">
        <v>41716.6</v>
      </c>
      <c r="E57" s="306">
        <v>0.04</v>
      </c>
      <c r="F57" s="147">
        <v>1008</v>
      </c>
      <c r="G57" s="306">
        <v>40.9</v>
      </c>
      <c r="H57" s="158">
        <v>1</v>
      </c>
      <c r="I57" s="147">
        <v>4638.7</v>
      </c>
      <c r="J57" s="303">
        <v>11.119554326095606</v>
      </c>
      <c r="L57" s="147">
        <v>45445.627032866032</v>
      </c>
      <c r="M57" s="158">
        <v>0</v>
      </c>
      <c r="N57" s="147">
        <v>1146</v>
      </c>
      <c r="O57" s="158">
        <v>39.860193831576801</v>
      </c>
      <c r="P57" s="158">
        <v>1</v>
      </c>
      <c r="Q57" s="147">
        <v>4924.6455566270124</v>
      </c>
      <c r="R57" s="259">
        <v>10.836346372920623</v>
      </c>
      <c r="S57" s="204"/>
      <c r="T57"/>
      <c r="U57"/>
      <c r="V57"/>
      <c r="W57"/>
      <c r="X57"/>
      <c r="Y57"/>
      <c r="Z57"/>
    </row>
    <row r="58" spans="1:26" s="47" customFormat="1">
      <c r="B58" s="159"/>
      <c r="C58" s="159" t="s">
        <v>133</v>
      </c>
      <c r="D58" s="147">
        <v>8719.1</v>
      </c>
      <c r="E58" s="306">
        <v>0.3</v>
      </c>
      <c r="F58" s="147">
        <v>466</v>
      </c>
      <c r="G58" s="306">
        <v>40.1</v>
      </c>
      <c r="H58" s="158">
        <v>0.8</v>
      </c>
      <c r="I58" s="147">
        <v>2871.7</v>
      </c>
      <c r="J58" s="303">
        <v>32.935738780378706</v>
      </c>
      <c r="L58" s="147">
        <v>6355.235487525003</v>
      </c>
      <c r="M58" s="158">
        <v>0.27600807164387275</v>
      </c>
      <c r="N58" s="147">
        <v>451</v>
      </c>
      <c r="O58" s="158">
        <v>41.959270346723059</v>
      </c>
      <c r="P58" s="158">
        <v>0.7</v>
      </c>
      <c r="Q58" s="147">
        <v>2517.4148393630026</v>
      </c>
      <c r="R58" s="260">
        <v>39.611668903608013</v>
      </c>
      <c r="S58" s="204"/>
      <c r="T58"/>
      <c r="U58"/>
      <c r="V58"/>
      <c r="W58"/>
      <c r="X58"/>
      <c r="Y58"/>
      <c r="Z58"/>
    </row>
    <row r="59" spans="1:26" s="47" customFormat="1">
      <c r="B59" s="159"/>
      <c r="C59" s="159" t="s">
        <v>134</v>
      </c>
      <c r="D59" s="147">
        <v>359.3</v>
      </c>
      <c r="E59" s="306">
        <v>1</v>
      </c>
      <c r="F59" s="147">
        <v>74</v>
      </c>
      <c r="G59" s="306">
        <v>45.2</v>
      </c>
      <c r="H59" s="158">
        <v>1.4</v>
      </c>
      <c r="I59" s="147">
        <v>355.3</v>
      </c>
      <c r="J59" s="303">
        <v>98.88672418591706</v>
      </c>
      <c r="L59" s="147">
        <v>286.32529850400005</v>
      </c>
      <c r="M59" s="158">
        <v>1.0549040844206026</v>
      </c>
      <c r="N59" s="147">
        <v>66</v>
      </c>
      <c r="O59" s="158">
        <v>42.60455619395286</v>
      </c>
      <c r="P59" s="158">
        <v>0.9</v>
      </c>
      <c r="Q59" s="147">
        <v>251.11339017400002</v>
      </c>
      <c r="R59" s="259">
        <v>87.702131626518465</v>
      </c>
      <c r="S59" s="204"/>
      <c r="T59"/>
      <c r="U59"/>
      <c r="V59"/>
      <c r="W59"/>
      <c r="X59"/>
      <c r="Y59"/>
      <c r="Z59"/>
    </row>
    <row r="60" spans="1:26" s="47" customFormat="1">
      <c r="B60" s="159"/>
      <c r="C60" s="159" t="s">
        <v>135</v>
      </c>
      <c r="D60" s="147">
        <v>21.1</v>
      </c>
      <c r="E60" s="306">
        <v>2</v>
      </c>
      <c r="F60" s="147">
        <v>6</v>
      </c>
      <c r="G60" s="306">
        <v>41</v>
      </c>
      <c r="H60" s="158">
        <v>1</v>
      </c>
      <c r="I60" s="147">
        <v>19.600000000000001</v>
      </c>
      <c r="J60" s="303">
        <v>92.890995260663516</v>
      </c>
      <c r="L60" s="147"/>
      <c r="M60" s="158"/>
      <c r="N60" s="147"/>
      <c r="O60" s="158"/>
      <c r="P60" s="158"/>
      <c r="Q60" s="147"/>
      <c r="R60" s="260"/>
      <c r="S60" s="204"/>
      <c r="T60"/>
      <c r="U60"/>
      <c r="V60"/>
      <c r="W60"/>
      <c r="X60"/>
      <c r="Y60"/>
      <c r="Z60"/>
    </row>
    <row r="61" spans="1:26" s="47" customFormat="1">
      <c r="B61" s="159"/>
      <c r="C61" s="159" t="s">
        <v>136</v>
      </c>
      <c r="D61" s="147"/>
      <c r="E61" s="306"/>
      <c r="F61" s="147"/>
      <c r="G61" s="306"/>
      <c r="H61" s="158"/>
      <c r="I61" s="147"/>
      <c r="J61" s="303"/>
      <c r="L61" s="147"/>
      <c r="M61" s="158"/>
      <c r="N61" s="147"/>
      <c r="O61" s="158"/>
      <c r="P61" s="158" t="s">
        <v>9</v>
      </c>
      <c r="Q61" s="147"/>
      <c r="R61" s="259" t="s">
        <v>9</v>
      </c>
      <c r="S61" s="204"/>
      <c r="T61"/>
      <c r="U61"/>
      <c r="V61"/>
      <c r="W61"/>
      <c r="X61"/>
      <c r="Y61"/>
      <c r="Z61"/>
    </row>
    <row r="62" spans="1:26" s="47" customFormat="1">
      <c r="B62" s="159"/>
      <c r="C62" s="159" t="s">
        <v>137</v>
      </c>
      <c r="D62" s="147"/>
      <c r="E62" s="306"/>
      <c r="F62" s="147"/>
      <c r="G62" s="306"/>
      <c r="H62" s="158"/>
      <c r="I62" s="147"/>
      <c r="J62" s="303"/>
      <c r="L62" s="147"/>
      <c r="M62" s="158"/>
      <c r="N62" s="147"/>
      <c r="O62" s="158"/>
      <c r="P62" s="158" t="s">
        <v>9</v>
      </c>
      <c r="Q62" s="147"/>
      <c r="R62" s="260" t="s">
        <v>9</v>
      </c>
      <c r="S62" s="204"/>
      <c r="T62"/>
      <c r="U62"/>
      <c r="V62"/>
      <c r="W62"/>
      <c r="X62"/>
      <c r="Y62"/>
      <c r="Z62"/>
    </row>
    <row r="63" spans="1:26" s="47" customFormat="1">
      <c r="B63" s="159"/>
      <c r="C63" s="159" t="s">
        <v>138</v>
      </c>
      <c r="D63" s="147"/>
      <c r="E63" s="306" t="s">
        <v>9</v>
      </c>
      <c r="F63" s="147"/>
      <c r="G63" s="306" t="s">
        <v>9</v>
      </c>
      <c r="H63" s="158"/>
      <c r="I63" s="147"/>
      <c r="J63" s="303"/>
      <c r="L63" s="147"/>
      <c r="M63" s="158"/>
      <c r="N63" s="147"/>
      <c r="O63" s="158"/>
      <c r="P63" s="158" t="s">
        <v>9</v>
      </c>
      <c r="Q63" s="147"/>
      <c r="R63" s="259" t="s">
        <v>9</v>
      </c>
      <c r="S63" s="204"/>
      <c r="T63"/>
      <c r="U63"/>
      <c r="V63"/>
      <c r="W63"/>
      <c r="X63"/>
      <c r="Y63"/>
      <c r="Z63"/>
    </row>
    <row r="64" spans="1:26" s="47" customFormat="1">
      <c r="B64" s="48"/>
      <c r="C64" s="48" t="s">
        <v>34</v>
      </c>
      <c r="D64" s="172"/>
      <c r="E64" s="307" t="s">
        <v>9</v>
      </c>
      <c r="F64" s="172"/>
      <c r="G64" s="307" t="s">
        <v>9</v>
      </c>
      <c r="H64" s="173"/>
      <c r="I64" s="172"/>
      <c r="J64" s="304"/>
      <c r="L64" s="172"/>
      <c r="M64" s="173"/>
      <c r="N64" s="172"/>
      <c r="O64" s="173"/>
      <c r="P64" s="173" t="s">
        <v>9</v>
      </c>
      <c r="Q64" s="172"/>
      <c r="R64" s="261" t="s">
        <v>9</v>
      </c>
      <c r="S64" s="204"/>
      <c r="T64"/>
      <c r="U64"/>
      <c r="V64"/>
      <c r="W64"/>
      <c r="X64"/>
      <c r="Y64"/>
      <c r="Z64"/>
    </row>
    <row r="65" spans="2:20" s="162" customFormat="1">
      <c r="B65" s="50" t="s">
        <v>35</v>
      </c>
      <c r="D65" s="175">
        <v>50816.1</v>
      </c>
      <c r="E65" s="308">
        <v>0.1</v>
      </c>
      <c r="F65" s="175">
        <v>1554</v>
      </c>
      <c r="G65" s="308">
        <v>40.799999999999997</v>
      </c>
      <c r="H65" s="176">
        <v>1</v>
      </c>
      <c r="I65" s="175">
        <v>7885.3</v>
      </c>
      <c r="J65" s="305">
        <v>15.517326201735276</v>
      </c>
      <c r="L65" s="175">
        <v>52087.218154895039</v>
      </c>
      <c r="M65" s="176">
        <v>7.1873998618483065E-2</v>
      </c>
      <c r="N65" s="175">
        <v>1663</v>
      </c>
      <c r="O65" s="176">
        <v>40.131391661106711</v>
      </c>
      <c r="P65" s="176">
        <v>1</v>
      </c>
      <c r="Q65" s="175">
        <v>7693.2086819220303</v>
      </c>
      <c r="R65" s="262">
        <v>14.8</v>
      </c>
      <c r="S65" s="204"/>
      <c r="T65"/>
    </row>
    <row r="66" spans="2:20" s="43" customFormat="1" ht="13.5" customHeight="1">
      <c r="B66" s="50"/>
      <c r="C66" s="50"/>
      <c r="D66"/>
      <c r="E66"/>
      <c r="F66"/>
      <c r="G66"/>
      <c r="H66"/>
      <c r="I66"/>
      <c r="J66"/>
      <c r="K66"/>
      <c r="L66"/>
      <c r="M66"/>
      <c r="N66"/>
      <c r="O66"/>
      <c r="P66"/>
      <c r="Q66"/>
      <c r="R66"/>
      <c r="S66" s="204"/>
      <c r="T66"/>
    </row>
    <row r="67" spans="2:20">
      <c r="B67" s="51"/>
      <c r="C67" s="51"/>
      <c r="D67"/>
      <c r="E67"/>
      <c r="F67"/>
      <c r="G67"/>
      <c r="H67"/>
      <c r="I67"/>
      <c r="J67"/>
      <c r="K67"/>
      <c r="L67"/>
      <c r="M67"/>
      <c r="N67"/>
      <c r="O67"/>
      <c r="P67"/>
      <c r="Q67"/>
      <c r="R67"/>
      <c r="S67" s="204"/>
    </row>
    <row r="68" spans="2:20">
      <c r="B68" s="337" t="s">
        <v>339</v>
      </c>
      <c r="C68" s="337"/>
      <c r="D68" s="337"/>
      <c r="E68" s="337"/>
      <c r="F68" s="337"/>
      <c r="G68" s="337"/>
      <c r="H68" s="337"/>
      <c r="I68" s="337"/>
      <c r="J68" s="337"/>
      <c r="K68" s="337"/>
      <c r="L68" s="337"/>
      <c r="M68" s="337"/>
      <c r="N68" s="337"/>
      <c r="O68" s="165"/>
      <c r="P68" s="165"/>
      <c r="Q68" s="165"/>
      <c r="R68" s="266"/>
      <c r="S68" s="204"/>
    </row>
    <row r="69" spans="2:20">
      <c r="B69" s="51"/>
      <c r="C69" s="51"/>
      <c r="D69" s="47"/>
      <c r="E69" s="47"/>
      <c r="F69" s="47"/>
      <c r="G69" s="47"/>
      <c r="H69" s="47"/>
      <c r="J69" s="207"/>
      <c r="L69" s="47"/>
      <c r="M69" s="47"/>
      <c r="N69" s="47"/>
      <c r="O69" s="47"/>
      <c r="P69" s="47"/>
      <c r="R69" s="207"/>
      <c r="S69" s="204"/>
    </row>
    <row r="70" spans="2:20">
      <c r="S70" s="204"/>
    </row>
  </sheetData>
  <mergeCells count="1">
    <mergeCell ref="B68:N68"/>
  </mergeCells>
  <pageMargins left="0.70866141732283472" right="0.70866141732283472" top="0.74803149606299213" bottom="0.74803149606299213" header="0.31496062992125984" footer="0.31496062992125984"/>
  <pageSetup paperSize="9" scale="51" orientation="landscape" r:id="rId1"/>
  <rowBreaks count="1" manualBreakCount="1">
    <brk id="43" max="16383" man="1"/>
  </rowBreaks>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H16"/>
  <sheetViews>
    <sheetView zoomScale="90" zoomScaleNormal="90" workbookViewId="0"/>
  </sheetViews>
  <sheetFormatPr defaultRowHeight="12.75"/>
  <cols>
    <col min="1" max="1" width="7.7109375" style="52" customWidth="1"/>
    <col min="2" max="2" width="19.5703125" style="52" customWidth="1"/>
    <col min="3" max="7" width="15.7109375" style="52" customWidth="1"/>
    <col min="8" max="16384" width="9.140625" style="52"/>
  </cols>
  <sheetData>
    <row r="1" spans="1:8">
      <c r="A1" s="13"/>
      <c r="B1" s="13" t="s">
        <v>325</v>
      </c>
    </row>
    <row r="3" spans="1:8">
      <c r="A3" s="18"/>
      <c r="B3" s="20" t="s">
        <v>105</v>
      </c>
      <c r="C3" s="58"/>
    </row>
    <row r="4" spans="1:8">
      <c r="B4" s="208"/>
    </row>
    <row r="5" spans="1:8" ht="54" customHeight="1">
      <c r="B5" s="190" t="s">
        <v>321</v>
      </c>
      <c r="C5" s="209" t="s">
        <v>106</v>
      </c>
      <c r="D5" s="209" t="s">
        <v>107</v>
      </c>
      <c r="E5" s="209" t="s">
        <v>108</v>
      </c>
      <c r="F5" s="209" t="s">
        <v>109</v>
      </c>
      <c r="G5" s="209" t="s">
        <v>110</v>
      </c>
      <c r="H5" s="20"/>
    </row>
    <row r="6" spans="1:8">
      <c r="B6" s="52" t="s">
        <v>8</v>
      </c>
      <c r="C6" s="210">
        <v>172506</v>
      </c>
      <c r="D6" s="210">
        <v>-111607.6</v>
      </c>
      <c r="E6" s="210">
        <v>60898.400000000001</v>
      </c>
      <c r="F6" s="210">
        <v>-35768.699999999997</v>
      </c>
      <c r="G6" s="210">
        <v>25129.7</v>
      </c>
    </row>
    <row r="7" spans="1:8">
      <c r="B7" s="52" t="s">
        <v>111</v>
      </c>
      <c r="C7" s="210">
        <v>49480.7</v>
      </c>
      <c r="D7" s="210">
        <v>-5520.8</v>
      </c>
      <c r="E7" s="210">
        <v>43959.9</v>
      </c>
      <c r="F7" s="210">
        <v>-38227.5</v>
      </c>
      <c r="G7" s="210">
        <v>5732.4</v>
      </c>
    </row>
    <row r="8" spans="1:8">
      <c r="B8" s="208" t="s">
        <v>112</v>
      </c>
      <c r="C8" s="211"/>
      <c r="D8" s="211"/>
      <c r="E8" s="211"/>
      <c r="F8" s="211"/>
      <c r="G8" s="211"/>
    </row>
    <row r="9" spans="1:8">
      <c r="B9" s="212" t="s">
        <v>10</v>
      </c>
      <c r="C9" s="90">
        <v>221986.7</v>
      </c>
      <c r="D9" s="213">
        <v>-117128.40000000001</v>
      </c>
      <c r="E9" s="213">
        <v>104858.3</v>
      </c>
      <c r="F9" s="213">
        <v>-73996.2</v>
      </c>
      <c r="G9" s="213">
        <v>30862.1</v>
      </c>
    </row>
    <row r="11" spans="1:8">
      <c r="B11" s="208"/>
    </row>
    <row r="12" spans="1:8" ht="54" customHeight="1">
      <c r="B12" s="190" t="s">
        <v>74</v>
      </c>
      <c r="C12" s="209" t="s">
        <v>106</v>
      </c>
      <c r="D12" s="209" t="s">
        <v>107</v>
      </c>
      <c r="E12" s="209" t="s">
        <v>108</v>
      </c>
      <c r="F12" s="209" t="s">
        <v>109</v>
      </c>
      <c r="G12" s="209" t="s">
        <v>110</v>
      </c>
      <c r="H12" s="20"/>
    </row>
    <row r="13" spans="1:8">
      <c r="B13" s="52" t="s">
        <v>8</v>
      </c>
      <c r="C13" s="210">
        <v>194311.22</v>
      </c>
      <c r="D13" s="210">
        <v>-125174.2</v>
      </c>
      <c r="E13" s="210">
        <v>69137.02</v>
      </c>
      <c r="F13" s="210">
        <v>-23652.710000000006</v>
      </c>
      <c r="G13" s="210">
        <v>45484.31</v>
      </c>
    </row>
    <row r="14" spans="1:8">
      <c r="B14" s="52" t="s">
        <v>111</v>
      </c>
      <c r="C14" s="210">
        <v>55740.56</v>
      </c>
      <c r="D14" s="210">
        <v>-9104.0899999999965</v>
      </c>
      <c r="E14" s="210">
        <v>46636.47</v>
      </c>
      <c r="F14" s="210">
        <v>-43037.99</v>
      </c>
      <c r="G14" s="210">
        <v>3598.48</v>
      </c>
    </row>
    <row r="15" spans="1:8">
      <c r="B15" s="208" t="s">
        <v>112</v>
      </c>
      <c r="C15" s="211"/>
      <c r="D15" s="211"/>
      <c r="E15" s="211"/>
      <c r="F15" s="211"/>
      <c r="G15" s="211"/>
    </row>
    <row r="16" spans="1:8">
      <c r="B16" s="212" t="s">
        <v>10</v>
      </c>
      <c r="C16" s="213">
        <v>250051.78</v>
      </c>
      <c r="D16" s="213">
        <v>-134278.28999999998</v>
      </c>
      <c r="E16" s="213">
        <v>115773.49</v>
      </c>
      <c r="F16" s="213">
        <v>-66690.700000000012</v>
      </c>
      <c r="G16" s="213">
        <v>49082.79</v>
      </c>
    </row>
  </sheetData>
  <pageMargins left="0.70866141732283472" right="0.70866141732283472" top="0.74803149606299213" bottom="0.74803149606299213" header="0.31496062992125984" footer="0.31496062992125984"/>
  <pageSetup paperSize="9" scale="88" orientation="portrait" r:id="rId1"/>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Q46"/>
  <sheetViews>
    <sheetView zoomScale="90" zoomScaleNormal="90" workbookViewId="0"/>
  </sheetViews>
  <sheetFormatPr defaultRowHeight="12.75"/>
  <cols>
    <col min="1" max="1" width="7.7109375" style="14" customWidth="1"/>
    <col min="2" max="2" width="28.7109375" style="132" customWidth="1"/>
    <col min="3" max="14" width="16.7109375" style="14" customWidth="1"/>
    <col min="15" max="16384" width="9.140625" style="14"/>
  </cols>
  <sheetData>
    <row r="1" spans="1:17">
      <c r="A1" s="13"/>
      <c r="B1" s="13" t="s">
        <v>325</v>
      </c>
    </row>
    <row r="2" spans="1:17">
      <c r="B2" s="14"/>
    </row>
    <row r="3" spans="1:17">
      <c r="A3" s="18"/>
      <c r="B3" s="40" t="s">
        <v>82</v>
      </c>
      <c r="C3" s="15"/>
    </row>
    <row r="4" spans="1:17">
      <c r="B4" s="40"/>
    </row>
    <row r="5" spans="1:17" ht="19.5" customHeight="1">
      <c r="A5" s="137"/>
      <c r="B5" s="214"/>
      <c r="C5" s="343" t="s">
        <v>45</v>
      </c>
      <c r="D5" s="343"/>
      <c r="E5" s="343"/>
      <c r="F5" s="343"/>
      <c r="G5" s="343" t="s">
        <v>46</v>
      </c>
      <c r="H5" s="343"/>
    </row>
    <row r="6" spans="1:17" ht="19.5" customHeight="1">
      <c r="A6" s="16"/>
      <c r="B6" s="215"/>
      <c r="C6" s="343" t="s">
        <v>47</v>
      </c>
      <c r="D6" s="343"/>
      <c r="E6" s="343" t="s">
        <v>48</v>
      </c>
      <c r="F6" s="343"/>
      <c r="G6" s="344" t="s">
        <v>47</v>
      </c>
      <c r="H6" s="344" t="s">
        <v>48</v>
      </c>
    </row>
    <row r="7" spans="1:17" ht="19.5" customHeight="1">
      <c r="A7" s="16"/>
      <c r="B7" s="190" t="s">
        <v>321</v>
      </c>
      <c r="C7" s="26" t="s">
        <v>49</v>
      </c>
      <c r="D7" s="26" t="s">
        <v>50</v>
      </c>
      <c r="E7" s="26" t="s">
        <v>49</v>
      </c>
      <c r="F7" s="26" t="s">
        <v>50</v>
      </c>
      <c r="G7" s="345"/>
      <c r="H7" s="345"/>
    </row>
    <row r="8" spans="1:17" s="15" customFormat="1">
      <c r="A8" s="16"/>
      <c r="B8" s="28" t="s">
        <v>51</v>
      </c>
      <c r="C8" s="140">
        <v>103.2</v>
      </c>
      <c r="D8" s="140">
        <v>7317.8</v>
      </c>
      <c r="E8" s="140"/>
      <c r="F8" s="140">
        <v>2614.6999999999998</v>
      </c>
      <c r="G8" s="140">
        <v>4021.4</v>
      </c>
      <c r="H8" s="140">
        <v>2850.8</v>
      </c>
      <c r="I8" s="14"/>
      <c r="J8" s="14"/>
      <c r="K8" s="14"/>
      <c r="L8" s="14"/>
      <c r="M8" s="14"/>
      <c r="N8" s="14"/>
      <c r="O8" s="14"/>
      <c r="P8" s="14"/>
      <c r="Q8" s="14"/>
    </row>
    <row r="9" spans="1:17" s="15" customFormat="1">
      <c r="A9" s="16"/>
      <c r="B9" s="28" t="s">
        <v>52</v>
      </c>
      <c r="C9" s="140">
        <v>198.8</v>
      </c>
      <c r="D9" s="140">
        <v>29364.5</v>
      </c>
      <c r="E9" s="140"/>
      <c r="F9" s="140">
        <v>25986.6</v>
      </c>
      <c r="G9" s="140">
        <v>10852.5</v>
      </c>
      <c r="H9" s="140">
        <v>44935.9</v>
      </c>
      <c r="I9" s="14"/>
      <c r="J9" s="14"/>
      <c r="K9" s="14"/>
      <c r="L9" s="14"/>
      <c r="M9" s="14"/>
      <c r="N9" s="14"/>
      <c r="O9" s="14"/>
      <c r="P9" s="14"/>
      <c r="Q9" s="14"/>
    </row>
    <row r="10" spans="1:17" s="15" customFormat="1">
      <c r="A10" s="16"/>
      <c r="B10" s="28" t="s">
        <v>53</v>
      </c>
      <c r="C10" s="140">
        <v>151.19999999999999</v>
      </c>
      <c r="D10" s="140">
        <v>6601.5</v>
      </c>
      <c r="E10" s="140">
        <v>7216.1</v>
      </c>
      <c r="F10" s="140">
        <v>1790.4</v>
      </c>
      <c r="G10" s="140">
        <v>15817.4</v>
      </c>
      <c r="H10" s="140">
        <v>19079.900000000001</v>
      </c>
      <c r="I10" s="14"/>
      <c r="J10" s="14"/>
      <c r="K10" s="14"/>
      <c r="L10" s="14"/>
      <c r="M10" s="14"/>
      <c r="N10" s="14"/>
      <c r="O10" s="14"/>
      <c r="P10" s="14"/>
      <c r="Q10" s="14"/>
    </row>
    <row r="11" spans="1:17" s="15" customFormat="1">
      <c r="A11" s="16"/>
      <c r="B11" s="28" t="s">
        <v>54</v>
      </c>
      <c r="C11" s="140">
        <v>10</v>
      </c>
      <c r="D11" s="140">
        <v>3941.6</v>
      </c>
      <c r="E11" s="140">
        <v>3289.3</v>
      </c>
      <c r="F11" s="140">
        <v>2379.5</v>
      </c>
      <c r="G11" s="140">
        <v>57026.7</v>
      </c>
      <c r="H11" s="140">
        <v>39732.300000000003</v>
      </c>
      <c r="I11" s="14"/>
      <c r="J11" s="14"/>
      <c r="K11" s="14"/>
      <c r="L11" s="14"/>
      <c r="M11" s="14"/>
      <c r="N11" s="14"/>
      <c r="O11" s="14"/>
      <c r="P11" s="14"/>
      <c r="Q11" s="14"/>
    </row>
    <row r="12" spans="1:17" s="15" customFormat="1">
      <c r="A12" s="16"/>
      <c r="B12" s="28" t="s">
        <v>1</v>
      </c>
      <c r="C12" s="140">
        <v>146.69999999999999</v>
      </c>
      <c r="D12" s="140">
        <v>8317</v>
      </c>
      <c r="E12" s="140">
        <v>9960.7000000000007</v>
      </c>
      <c r="F12" s="140">
        <v>749.5</v>
      </c>
      <c r="G12" s="140">
        <v>75487.8</v>
      </c>
      <c r="H12" s="140">
        <v>23288.400000000001</v>
      </c>
      <c r="I12" s="14"/>
      <c r="J12" s="14"/>
      <c r="K12" s="14"/>
      <c r="L12" s="14"/>
      <c r="M12" s="14"/>
      <c r="N12" s="14"/>
      <c r="O12" s="14"/>
      <c r="P12" s="14"/>
      <c r="Q12" s="14"/>
    </row>
    <row r="13" spans="1:17" s="15" customFormat="1">
      <c r="A13" s="16"/>
      <c r="B13" s="28" t="s">
        <v>2</v>
      </c>
      <c r="C13" s="140"/>
      <c r="D13" s="140">
        <v>289.7</v>
      </c>
      <c r="E13" s="140"/>
      <c r="F13" s="140"/>
      <c r="G13" s="140">
        <v>155.69999999999999</v>
      </c>
      <c r="H13" s="140">
        <v>99.8</v>
      </c>
      <c r="I13" s="14"/>
      <c r="J13" s="14"/>
      <c r="K13" s="14"/>
      <c r="L13" s="14"/>
      <c r="M13" s="14"/>
      <c r="N13" s="14"/>
      <c r="O13" s="14"/>
      <c r="P13" s="14"/>
      <c r="Q13" s="14"/>
    </row>
    <row r="14" spans="1:17" s="15" customFormat="1">
      <c r="A14" s="16"/>
      <c r="B14" s="28" t="s">
        <v>55</v>
      </c>
      <c r="C14" s="140">
        <v>5633.3</v>
      </c>
      <c r="D14" s="140">
        <v>4083</v>
      </c>
      <c r="E14" s="140">
        <v>3530.5</v>
      </c>
      <c r="F14" s="140">
        <v>18321.3</v>
      </c>
      <c r="G14" s="140">
        <v>118475.3</v>
      </c>
      <c r="H14" s="140">
        <v>71096</v>
      </c>
      <c r="I14" s="14"/>
      <c r="J14" s="14"/>
      <c r="K14" s="14"/>
      <c r="L14" s="14"/>
      <c r="M14" s="14"/>
      <c r="N14" s="14"/>
      <c r="O14" s="14"/>
      <c r="P14" s="14"/>
      <c r="Q14" s="14"/>
    </row>
    <row r="15" spans="1:17" s="15" customFormat="1">
      <c r="A15" s="16"/>
      <c r="B15" s="30" t="s">
        <v>56</v>
      </c>
      <c r="C15" s="216"/>
      <c r="D15" s="216"/>
      <c r="E15" s="216"/>
      <c r="F15" s="216"/>
      <c r="G15" s="272">
        <v>42.2</v>
      </c>
      <c r="H15" s="272">
        <v>42.2</v>
      </c>
      <c r="I15" s="14"/>
      <c r="J15" s="14"/>
      <c r="K15" s="14"/>
      <c r="L15" s="14"/>
      <c r="M15" s="14"/>
      <c r="N15" s="14"/>
      <c r="O15" s="14"/>
      <c r="P15" s="14"/>
      <c r="Q15" s="14"/>
    </row>
    <row r="16" spans="1:17" s="15" customFormat="1">
      <c r="A16" s="16"/>
      <c r="B16" s="31" t="s">
        <v>0</v>
      </c>
      <c r="C16" s="141">
        <v>6243.2</v>
      </c>
      <c r="D16" s="141">
        <v>59915.1</v>
      </c>
      <c r="E16" s="141">
        <v>23996.600000000002</v>
      </c>
      <c r="F16" s="141">
        <v>51842</v>
      </c>
      <c r="G16" s="141">
        <v>281879</v>
      </c>
      <c r="H16" s="141">
        <v>201125.30000000005</v>
      </c>
      <c r="I16" s="14"/>
      <c r="J16" s="14"/>
      <c r="K16" s="14"/>
      <c r="L16" s="14"/>
      <c r="M16" s="14"/>
      <c r="N16" s="14"/>
      <c r="O16" s="14"/>
      <c r="P16" s="14"/>
      <c r="Q16" s="14"/>
    </row>
    <row r="17" spans="1:17" s="15" customFormat="1">
      <c r="B17" s="32"/>
      <c r="G17" s="127"/>
    </row>
    <row r="18" spans="1:17" s="15" customFormat="1"/>
    <row r="19" spans="1:17" ht="19.5" customHeight="1">
      <c r="A19" s="137"/>
      <c r="B19" s="214"/>
      <c r="C19" s="343" t="s">
        <v>45</v>
      </c>
      <c r="D19" s="343"/>
      <c r="E19" s="343"/>
      <c r="F19" s="343"/>
      <c r="G19" s="343" t="s">
        <v>46</v>
      </c>
      <c r="H19" s="343"/>
    </row>
    <row r="20" spans="1:17" ht="19.5" customHeight="1">
      <c r="A20" s="16"/>
      <c r="B20" s="215"/>
      <c r="C20" s="343" t="s">
        <v>47</v>
      </c>
      <c r="D20" s="343"/>
      <c r="E20" s="343" t="s">
        <v>48</v>
      </c>
      <c r="F20" s="343"/>
      <c r="G20" s="344" t="s">
        <v>47</v>
      </c>
      <c r="H20" s="344" t="s">
        <v>48</v>
      </c>
    </row>
    <row r="21" spans="1:17" ht="19.5" customHeight="1">
      <c r="A21" s="16"/>
      <c r="B21" s="190" t="s">
        <v>74</v>
      </c>
      <c r="C21" s="26" t="s">
        <v>49</v>
      </c>
      <c r="D21" s="26" t="s">
        <v>50</v>
      </c>
      <c r="E21" s="26" t="s">
        <v>49</v>
      </c>
      <c r="F21" s="26" t="s">
        <v>50</v>
      </c>
      <c r="G21" s="345"/>
      <c r="H21" s="345"/>
    </row>
    <row r="22" spans="1:17" s="15" customFormat="1">
      <c r="A22" s="16"/>
      <c r="B22" s="28" t="s">
        <v>51</v>
      </c>
      <c r="C22" s="140">
        <v>131</v>
      </c>
      <c r="D22" s="140">
        <v>5938</v>
      </c>
      <c r="E22" s="140"/>
      <c r="F22" s="140">
        <v>2848</v>
      </c>
      <c r="G22" s="140">
        <v>2415</v>
      </c>
      <c r="H22" s="140">
        <v>370</v>
      </c>
      <c r="I22" s="14"/>
      <c r="J22" s="14"/>
      <c r="K22" s="14"/>
      <c r="L22" s="14"/>
      <c r="M22" s="14"/>
      <c r="N22" s="14"/>
      <c r="O22" s="14"/>
      <c r="P22" s="14"/>
      <c r="Q22" s="14"/>
    </row>
    <row r="23" spans="1:17" s="15" customFormat="1">
      <c r="A23" s="16"/>
      <c r="B23" s="28" t="s">
        <v>52</v>
      </c>
      <c r="C23" s="140">
        <v>31</v>
      </c>
      <c r="D23" s="140">
        <v>25158</v>
      </c>
      <c r="E23" s="140"/>
      <c r="F23" s="140">
        <v>35537</v>
      </c>
      <c r="G23" s="140">
        <v>12860</v>
      </c>
      <c r="H23" s="140">
        <v>37697</v>
      </c>
      <c r="I23" s="14"/>
      <c r="J23" s="14"/>
      <c r="K23" s="14"/>
      <c r="L23" s="14"/>
      <c r="M23" s="14"/>
      <c r="N23" s="14"/>
      <c r="O23" s="14"/>
      <c r="P23" s="14"/>
      <c r="Q23" s="14"/>
    </row>
    <row r="24" spans="1:17" s="15" customFormat="1">
      <c r="A24" s="16"/>
      <c r="B24" s="28" t="s">
        <v>53</v>
      </c>
      <c r="C24" s="140">
        <v>197</v>
      </c>
      <c r="D24" s="140">
        <v>4605</v>
      </c>
      <c r="E24" s="140">
        <v>3852</v>
      </c>
      <c r="F24" s="140">
        <v>2680</v>
      </c>
      <c r="G24" s="140">
        <v>4468</v>
      </c>
      <c r="H24" s="140">
        <v>1836</v>
      </c>
      <c r="I24" s="14"/>
      <c r="J24" s="14"/>
      <c r="K24" s="14"/>
      <c r="L24" s="14"/>
      <c r="M24" s="14"/>
      <c r="N24" s="14"/>
      <c r="O24" s="14"/>
      <c r="P24" s="14"/>
      <c r="Q24" s="14"/>
    </row>
    <row r="25" spans="1:17" s="15" customFormat="1">
      <c r="A25" s="16"/>
      <c r="B25" s="28" t="s">
        <v>54</v>
      </c>
      <c r="C25" s="140">
        <v>22</v>
      </c>
      <c r="D25" s="140">
        <v>7466</v>
      </c>
      <c r="E25" s="140">
        <v>3997</v>
      </c>
      <c r="F25" s="140">
        <v>3326</v>
      </c>
      <c r="G25" s="140">
        <v>45273</v>
      </c>
      <c r="H25" s="140">
        <v>40424</v>
      </c>
      <c r="I25" s="14"/>
      <c r="J25" s="14"/>
      <c r="K25" s="14"/>
      <c r="L25" s="14"/>
      <c r="M25" s="14"/>
      <c r="N25" s="14"/>
      <c r="O25" s="14"/>
      <c r="P25" s="14"/>
      <c r="Q25" s="14"/>
    </row>
    <row r="26" spans="1:17" s="15" customFormat="1">
      <c r="A26" s="16"/>
      <c r="B26" s="28" t="s">
        <v>1</v>
      </c>
      <c r="C26" s="140">
        <v>62</v>
      </c>
      <c r="D26" s="140">
        <v>5070</v>
      </c>
      <c r="E26" s="140">
        <v>4736</v>
      </c>
      <c r="F26" s="140">
        <v>1722</v>
      </c>
      <c r="G26" s="140">
        <v>59154</v>
      </c>
      <c r="H26" s="140">
        <v>13235</v>
      </c>
      <c r="I26" s="14"/>
      <c r="J26" s="14"/>
      <c r="K26" s="14"/>
      <c r="L26" s="14"/>
      <c r="M26" s="14"/>
      <c r="N26" s="14"/>
      <c r="O26" s="14"/>
      <c r="P26" s="14"/>
      <c r="Q26" s="14"/>
    </row>
    <row r="27" spans="1:17" s="15" customFormat="1">
      <c r="A27" s="16"/>
      <c r="B27" s="28" t="s">
        <v>2</v>
      </c>
      <c r="C27" s="140">
        <v>5</v>
      </c>
      <c r="D27" s="140">
        <v>293</v>
      </c>
      <c r="E27" s="140"/>
      <c r="F27" s="140"/>
      <c r="G27" s="140">
        <v>586</v>
      </c>
      <c r="H27" s="140">
        <v>217</v>
      </c>
      <c r="I27" s="14"/>
      <c r="J27" s="14"/>
      <c r="K27" s="14"/>
      <c r="L27" s="14"/>
      <c r="M27" s="14"/>
      <c r="N27" s="14"/>
      <c r="O27" s="14"/>
      <c r="P27" s="14"/>
      <c r="Q27" s="14"/>
    </row>
    <row r="28" spans="1:17" s="15" customFormat="1">
      <c r="A28" s="16"/>
      <c r="B28" s="28" t="s">
        <v>55</v>
      </c>
      <c r="C28" s="140">
        <v>6447</v>
      </c>
      <c r="D28" s="140">
        <v>2757</v>
      </c>
      <c r="E28" s="140">
        <v>1752</v>
      </c>
      <c r="F28" s="140">
        <v>16044</v>
      </c>
      <c r="G28" s="140">
        <v>114616</v>
      </c>
      <c r="H28" s="140">
        <v>76457</v>
      </c>
      <c r="I28" s="14"/>
      <c r="J28" s="14"/>
      <c r="K28" s="14"/>
      <c r="L28" s="14"/>
      <c r="M28" s="14"/>
      <c r="N28" s="14"/>
      <c r="O28" s="14"/>
      <c r="P28" s="14"/>
      <c r="Q28" s="14"/>
    </row>
    <row r="29" spans="1:17" s="15" customFormat="1">
      <c r="A29" s="16"/>
      <c r="B29" s="30" t="s">
        <v>56</v>
      </c>
      <c r="C29" s="216">
        <v>149</v>
      </c>
      <c r="D29" s="216"/>
      <c r="E29" s="216"/>
      <c r="F29" s="216"/>
      <c r="G29" s="216"/>
      <c r="H29" s="216"/>
      <c r="I29" s="14"/>
      <c r="J29" s="14"/>
      <c r="K29" s="14"/>
      <c r="L29" s="14"/>
      <c r="M29" s="14"/>
      <c r="N29" s="14"/>
      <c r="O29" s="14"/>
      <c r="P29" s="14"/>
      <c r="Q29" s="14"/>
    </row>
    <row r="30" spans="1:17" s="15" customFormat="1">
      <c r="A30" s="16"/>
      <c r="B30" s="31" t="s">
        <v>0</v>
      </c>
      <c r="C30" s="141">
        <v>7044</v>
      </c>
      <c r="D30" s="141">
        <v>51287</v>
      </c>
      <c r="E30" s="141">
        <v>14337</v>
      </c>
      <c r="F30" s="141">
        <v>62157</v>
      </c>
      <c r="G30" s="141">
        <v>239372</v>
      </c>
      <c r="H30" s="141">
        <v>170236</v>
      </c>
      <c r="I30" s="14"/>
      <c r="J30" s="14"/>
      <c r="K30" s="14"/>
      <c r="L30" s="14"/>
      <c r="M30" s="14"/>
      <c r="N30" s="14"/>
      <c r="O30" s="14"/>
      <c r="P30" s="14"/>
      <c r="Q30" s="14"/>
    </row>
    <row r="31" spans="1:17" s="15" customFormat="1">
      <c r="B31" s="32"/>
      <c r="C31" s="127"/>
      <c r="D31" s="127"/>
      <c r="E31" s="127"/>
      <c r="F31" s="127"/>
      <c r="G31" s="127"/>
      <c r="H31" s="127"/>
    </row>
    <row r="32" spans="1:17" s="15" customFormat="1">
      <c r="B32" s="32"/>
    </row>
    <row r="33" spans="2:2" s="15" customFormat="1">
      <c r="B33" s="32"/>
    </row>
    <row r="34" spans="2:2" s="15" customFormat="1">
      <c r="B34" s="32"/>
    </row>
    <row r="35" spans="2:2" s="15" customFormat="1">
      <c r="B35" s="32"/>
    </row>
    <row r="36" spans="2:2" s="15" customFormat="1">
      <c r="B36" s="32"/>
    </row>
    <row r="37" spans="2:2" s="15" customFormat="1">
      <c r="B37" s="32"/>
    </row>
    <row r="38" spans="2:2" s="15" customFormat="1">
      <c r="B38" s="32"/>
    </row>
    <row r="39" spans="2:2" s="15" customFormat="1">
      <c r="B39" s="32"/>
    </row>
    <row r="40" spans="2:2" s="15" customFormat="1">
      <c r="B40" s="32"/>
    </row>
    <row r="41" spans="2:2" s="15" customFormat="1">
      <c r="B41" s="32"/>
    </row>
    <row r="42" spans="2:2" s="15" customFormat="1">
      <c r="B42" s="32"/>
    </row>
    <row r="43" spans="2:2" s="15" customFormat="1">
      <c r="B43" s="32"/>
    </row>
    <row r="44" spans="2:2" s="15" customFormat="1">
      <c r="B44" s="32"/>
    </row>
    <row r="45" spans="2:2" s="15" customFormat="1">
      <c r="B45" s="32"/>
    </row>
    <row r="46" spans="2:2" s="15" customFormat="1">
      <c r="B46" s="32"/>
    </row>
  </sheetData>
  <mergeCells count="12">
    <mergeCell ref="C5:F5"/>
    <mergeCell ref="G5:H5"/>
    <mergeCell ref="C6:D6"/>
    <mergeCell ref="E6:F6"/>
    <mergeCell ref="G6:G7"/>
    <mergeCell ref="H6:H7"/>
    <mergeCell ref="C19:F19"/>
    <mergeCell ref="G19:H19"/>
    <mergeCell ref="C20:D20"/>
    <mergeCell ref="E20:F20"/>
    <mergeCell ref="G20:G21"/>
    <mergeCell ref="H20:H21"/>
  </mergeCells>
  <pageMargins left="0.70866141732283472" right="0.70866141732283472" top="0.74803149606299213" bottom="0.74803149606299213" header="0.31496062992125984" footer="0.31496062992125984"/>
  <pageSetup paperSize="9" scale="97" orientation="landscape" r:id="rId1"/>
</worksheet>
</file>

<file path=xl/worksheets/sheet1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R44"/>
  <sheetViews>
    <sheetView zoomScale="90" zoomScaleNormal="90" workbookViewId="0"/>
  </sheetViews>
  <sheetFormatPr defaultRowHeight="12.75"/>
  <cols>
    <col min="1" max="1" width="7.7109375" style="14" customWidth="1"/>
    <col min="2" max="2" width="37.42578125" style="132" customWidth="1"/>
    <col min="3" max="5" width="15.7109375" style="14" customWidth="1"/>
    <col min="6" max="6" width="2" style="14" customWidth="1"/>
    <col min="7" max="9" width="15.7109375" style="14" customWidth="1"/>
    <col min="10" max="15" width="16.7109375" style="14" customWidth="1"/>
    <col min="16" max="16384" width="9.140625" style="14"/>
  </cols>
  <sheetData>
    <row r="1" spans="1:18">
      <c r="A1" s="13"/>
      <c r="B1" s="13" t="s">
        <v>325</v>
      </c>
      <c r="C1" s="53"/>
      <c r="D1" s="53"/>
      <c r="E1" s="15"/>
    </row>
    <row r="2" spans="1:18">
      <c r="B2" s="14"/>
      <c r="D2" s="53"/>
      <c r="E2" s="15"/>
    </row>
    <row r="3" spans="1:18">
      <c r="A3" s="18"/>
      <c r="B3" s="40" t="s">
        <v>83</v>
      </c>
      <c r="D3" s="53"/>
      <c r="E3" s="15"/>
    </row>
    <row r="4" spans="1:18" s="42" customFormat="1">
      <c r="B4" s="217"/>
      <c r="C4" s="49"/>
      <c r="D4" s="218"/>
      <c r="E4" s="219"/>
      <c r="F4" s="47"/>
      <c r="G4" s="171"/>
      <c r="H4" s="49"/>
      <c r="I4" s="49"/>
    </row>
    <row r="5" spans="1:18">
      <c r="A5" s="16"/>
      <c r="B5" s="220"/>
      <c r="C5" s="221"/>
      <c r="D5" s="221" t="s">
        <v>320</v>
      </c>
      <c r="E5" s="221"/>
      <c r="F5" s="16"/>
      <c r="G5" s="221"/>
      <c r="H5" s="221" t="s">
        <v>75</v>
      </c>
      <c r="I5" s="221"/>
    </row>
    <row r="6" spans="1:18" ht="27.75" customHeight="1">
      <c r="A6" s="16"/>
      <c r="B6" s="220"/>
      <c r="C6" s="347" t="s">
        <v>57</v>
      </c>
      <c r="D6" s="347"/>
      <c r="E6" s="348" t="s">
        <v>58</v>
      </c>
      <c r="G6" s="347" t="s">
        <v>57</v>
      </c>
      <c r="H6" s="347"/>
      <c r="I6" s="348" t="s">
        <v>58</v>
      </c>
    </row>
    <row r="7" spans="1:18" ht="19.5" customHeight="1">
      <c r="A7" s="16"/>
      <c r="B7" s="215"/>
      <c r="C7" s="349" t="s">
        <v>59</v>
      </c>
      <c r="D7" s="349" t="s">
        <v>60</v>
      </c>
      <c r="E7" s="348"/>
      <c r="G7" s="349" t="s">
        <v>59</v>
      </c>
      <c r="H7" s="349" t="s">
        <v>60</v>
      </c>
      <c r="I7" s="348"/>
    </row>
    <row r="8" spans="1:18" ht="19.5" customHeight="1">
      <c r="A8" s="16"/>
      <c r="B8" s="190" t="s">
        <v>4</v>
      </c>
      <c r="C8" s="350"/>
      <c r="D8" s="350"/>
      <c r="E8" s="347"/>
      <c r="G8" s="350"/>
      <c r="H8" s="350"/>
      <c r="I8" s="347"/>
    </row>
    <row r="9" spans="1:18" s="15" customFormat="1">
      <c r="A9" s="16"/>
      <c r="B9" s="31" t="s">
        <v>61</v>
      </c>
      <c r="C9" s="28"/>
      <c r="D9" s="28"/>
      <c r="E9" s="28"/>
      <c r="G9" s="28"/>
      <c r="H9" s="28"/>
      <c r="I9" s="28"/>
      <c r="L9" s="14"/>
      <c r="M9" s="14"/>
      <c r="N9" s="14"/>
      <c r="O9" s="14"/>
      <c r="P9" s="14"/>
      <c r="Q9" s="14"/>
      <c r="R9" s="14"/>
    </row>
    <row r="10" spans="1:18" s="15" customFormat="1">
      <c r="A10" s="16"/>
      <c r="B10" s="28" t="s">
        <v>62</v>
      </c>
      <c r="C10" s="28"/>
      <c r="D10" s="28"/>
      <c r="E10" s="140">
        <v>4123</v>
      </c>
      <c r="G10" s="28"/>
      <c r="H10" s="28"/>
      <c r="I10" s="140">
        <v>6913.8148395276603</v>
      </c>
      <c r="L10" s="14"/>
      <c r="M10" s="14"/>
      <c r="N10" s="14"/>
      <c r="O10" s="14"/>
      <c r="P10" s="14"/>
      <c r="Q10" s="14"/>
      <c r="R10" s="14"/>
    </row>
    <row r="11" spans="1:18" s="15" customFormat="1">
      <c r="A11" s="16"/>
      <c r="B11" s="28" t="s">
        <v>63</v>
      </c>
      <c r="C11" s="140">
        <v>1376</v>
      </c>
      <c r="D11" s="28"/>
      <c r="E11" s="140">
        <v>1772</v>
      </c>
      <c r="G11" s="140">
        <v>2944</v>
      </c>
      <c r="H11" s="28"/>
      <c r="I11" s="140">
        <v>1830.83106957616</v>
      </c>
      <c r="L11" s="14"/>
      <c r="M11" s="14"/>
      <c r="N11" s="14"/>
      <c r="O11" s="14"/>
      <c r="P11" s="14"/>
      <c r="Q11" s="14"/>
      <c r="R11" s="14"/>
    </row>
    <row r="12" spans="1:18" s="15" customFormat="1">
      <c r="A12" s="16"/>
      <c r="B12" s="28" t="s">
        <v>64</v>
      </c>
      <c r="C12" s="28"/>
      <c r="D12" s="28"/>
      <c r="E12" s="28"/>
      <c r="G12" s="28"/>
      <c r="H12" s="28"/>
      <c r="I12" s="28"/>
      <c r="L12" s="14"/>
      <c r="M12" s="14"/>
      <c r="N12" s="14"/>
      <c r="O12" s="14"/>
      <c r="P12" s="14"/>
      <c r="Q12" s="14"/>
      <c r="R12" s="14"/>
    </row>
    <row r="13" spans="1:18" s="15" customFormat="1">
      <c r="A13" s="16"/>
      <c r="B13" s="28" t="s">
        <v>65</v>
      </c>
      <c r="C13" s="28"/>
      <c r="D13" s="28"/>
      <c r="E13" s="28"/>
      <c r="G13" s="28"/>
      <c r="H13" s="28"/>
      <c r="I13" s="28"/>
      <c r="L13" s="14"/>
      <c r="M13" s="14"/>
      <c r="N13" s="14"/>
      <c r="O13" s="14"/>
      <c r="P13" s="14"/>
      <c r="Q13" s="14"/>
      <c r="R13" s="14"/>
    </row>
    <row r="14" spans="1:18" s="15" customFormat="1">
      <c r="A14" s="16"/>
      <c r="B14" s="30" t="s">
        <v>58</v>
      </c>
      <c r="C14" s="30"/>
      <c r="D14" s="30"/>
      <c r="E14" s="30"/>
      <c r="G14" s="30"/>
      <c r="H14" s="30"/>
      <c r="I14" s="30"/>
      <c r="L14" s="14"/>
      <c r="M14" s="14"/>
      <c r="N14" s="14"/>
      <c r="O14" s="14"/>
      <c r="P14" s="14"/>
      <c r="Q14" s="14"/>
      <c r="R14" s="14"/>
    </row>
    <row r="15" spans="1:18" s="15" customFormat="1">
      <c r="A15" s="16"/>
      <c r="B15" s="31" t="s">
        <v>66</v>
      </c>
      <c r="C15" s="141">
        <v>1376</v>
      </c>
      <c r="D15" s="312"/>
      <c r="E15" s="141">
        <v>5895</v>
      </c>
      <c r="F15" s="141"/>
      <c r="G15" s="141">
        <v>2944</v>
      </c>
      <c r="H15" s="312"/>
      <c r="I15" s="141">
        <v>8744.6459091038196</v>
      </c>
      <c r="L15" s="14"/>
      <c r="M15" s="14"/>
      <c r="N15" s="14"/>
      <c r="O15" s="14"/>
      <c r="P15" s="14"/>
      <c r="Q15" s="14"/>
      <c r="R15" s="14"/>
    </row>
    <row r="16" spans="1:18" s="15" customFormat="1">
      <c r="A16" s="16"/>
      <c r="B16" s="31" t="s">
        <v>67</v>
      </c>
      <c r="C16" s="222"/>
      <c r="D16" s="222"/>
      <c r="E16" s="222"/>
      <c r="F16" s="223"/>
      <c r="G16" s="222"/>
      <c r="H16" s="222"/>
      <c r="I16" s="222"/>
      <c r="L16" s="14"/>
      <c r="M16" s="14"/>
      <c r="N16" s="14"/>
      <c r="O16" s="14"/>
      <c r="P16" s="14"/>
      <c r="Q16" s="14"/>
      <c r="R16" s="14"/>
    </row>
    <row r="17" spans="1:18" s="15" customFormat="1">
      <c r="A17" s="16"/>
      <c r="B17" s="224" t="s">
        <v>68</v>
      </c>
      <c r="C17" s="222"/>
      <c r="D17" s="222"/>
      <c r="E17" s="222">
        <v>90</v>
      </c>
      <c r="F17" s="223"/>
      <c r="G17" s="222"/>
      <c r="H17" s="222"/>
      <c r="I17" s="222">
        <v>219.263507233475</v>
      </c>
      <c r="L17" s="14"/>
      <c r="M17" s="14"/>
      <c r="N17" s="14"/>
      <c r="O17" s="14"/>
      <c r="P17" s="14"/>
      <c r="Q17" s="14"/>
      <c r="R17" s="14"/>
    </row>
    <row r="18" spans="1:18" s="15" customFormat="1">
      <c r="B18" s="225" t="s">
        <v>69</v>
      </c>
      <c r="C18" s="226">
        <v>-112</v>
      </c>
      <c r="D18" s="226"/>
      <c r="E18" s="226">
        <v>-277</v>
      </c>
      <c r="F18" s="223"/>
      <c r="G18" s="226">
        <v>-241.76751517920701</v>
      </c>
      <c r="H18" s="226"/>
      <c r="I18" s="226">
        <v>-333.04076609250069</v>
      </c>
    </row>
    <row r="19" spans="1:18" s="15" customFormat="1">
      <c r="B19" s="28"/>
      <c r="C19" s="28"/>
      <c r="D19" s="28"/>
      <c r="E19" s="28"/>
      <c r="G19" s="28"/>
      <c r="H19" s="28"/>
      <c r="I19" s="28"/>
    </row>
    <row r="20" spans="1:18" s="15" customFormat="1">
      <c r="B20" s="32"/>
    </row>
    <row r="21" spans="1:18" s="15" customFormat="1" hidden="1">
      <c r="B21" s="32"/>
    </row>
    <row r="22" spans="1:18" s="15" customFormat="1" hidden="1">
      <c r="B22" s="32"/>
      <c r="C22" s="346" t="s">
        <v>70</v>
      </c>
      <c r="D22" s="346"/>
    </row>
    <row r="23" spans="1:18" s="15" customFormat="1" hidden="1">
      <c r="B23" s="32"/>
      <c r="C23" s="346" t="s">
        <v>71</v>
      </c>
      <c r="D23" s="346"/>
    </row>
    <row r="24" spans="1:18" s="15" customFormat="1" hidden="1">
      <c r="B24" s="32"/>
    </row>
    <row r="25" spans="1:18" s="15" customFormat="1" hidden="1">
      <c r="B25" s="32"/>
    </row>
    <row r="26" spans="1:18" s="15" customFormat="1" hidden="1">
      <c r="B26" s="32"/>
    </row>
    <row r="27" spans="1:18" s="15" customFormat="1">
      <c r="B27" s="32"/>
    </row>
    <row r="28" spans="1:18" s="15" customFormat="1">
      <c r="B28" s="32"/>
    </row>
    <row r="29" spans="1:18" s="15" customFormat="1">
      <c r="B29" s="32"/>
    </row>
    <row r="30" spans="1:18" s="15" customFormat="1">
      <c r="B30" s="32"/>
    </row>
    <row r="31" spans="1:18" s="15" customFormat="1">
      <c r="B31" s="32"/>
    </row>
    <row r="32" spans="1:18" s="15" customFormat="1">
      <c r="B32" s="32"/>
    </row>
    <row r="33" spans="2:5" s="15" customFormat="1">
      <c r="B33" s="32"/>
    </row>
    <row r="34" spans="2:5" s="15" customFormat="1">
      <c r="B34" s="32"/>
    </row>
    <row r="35" spans="2:5" s="15" customFormat="1">
      <c r="B35" s="32"/>
    </row>
    <row r="36" spans="2:5" s="15" customFormat="1">
      <c r="B36" s="32"/>
    </row>
    <row r="37" spans="2:5" s="15" customFormat="1">
      <c r="B37" s="32"/>
    </row>
    <row r="38" spans="2:5" s="15" customFormat="1">
      <c r="B38" s="32"/>
    </row>
    <row r="39" spans="2:5" s="15" customFormat="1">
      <c r="B39" s="32"/>
    </row>
    <row r="40" spans="2:5" s="15" customFormat="1">
      <c r="B40" s="32"/>
    </row>
    <row r="41" spans="2:5" s="15" customFormat="1">
      <c r="B41" s="32"/>
    </row>
    <row r="42" spans="2:5" s="15" customFormat="1">
      <c r="B42" s="32"/>
    </row>
    <row r="43" spans="2:5" s="15" customFormat="1">
      <c r="B43" s="32"/>
    </row>
    <row r="44" spans="2:5">
      <c r="B44" s="32"/>
      <c r="C44" s="15"/>
      <c r="D44" s="15"/>
      <c r="E44" s="15"/>
    </row>
  </sheetData>
  <mergeCells count="10">
    <mergeCell ref="C22:D22"/>
    <mergeCell ref="C23:D23"/>
    <mergeCell ref="G6:H6"/>
    <mergeCell ref="I6:I8"/>
    <mergeCell ref="G7:G8"/>
    <mergeCell ref="H7:H8"/>
    <mergeCell ref="C6:D6"/>
    <mergeCell ref="E6:E8"/>
    <mergeCell ref="C7:C8"/>
    <mergeCell ref="D7:D8"/>
  </mergeCells>
  <pageMargins left="0.70866141732283472" right="0.70866141732283472" top="0.74803149606299213" bottom="0.74803149606299213" header="0.31496062992125984" footer="0.31496062992125984"/>
  <pageSetup paperSize="9" scale="94" orientation="landscape" r:id="rId1"/>
</worksheet>
</file>

<file path=xl/worksheets/sheet1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F25"/>
  <sheetViews>
    <sheetView zoomScale="90" zoomScaleNormal="90" workbookViewId="0"/>
  </sheetViews>
  <sheetFormatPr defaultRowHeight="12.75"/>
  <cols>
    <col min="1" max="1" width="7.7109375" style="52" customWidth="1"/>
    <col min="2" max="2" width="35.28515625" style="52" customWidth="1"/>
    <col min="3" max="6" width="23.85546875" style="52" customWidth="1"/>
    <col min="7" max="16384" width="9.140625" style="52"/>
  </cols>
  <sheetData>
    <row r="1" spans="1:6">
      <c r="A1" s="20"/>
      <c r="B1" s="20" t="s">
        <v>325</v>
      </c>
      <c r="D1" s="53"/>
    </row>
    <row r="2" spans="1:6">
      <c r="D2" s="53"/>
    </row>
    <row r="3" spans="1:6">
      <c r="A3" s="18"/>
      <c r="B3" s="20" t="s">
        <v>88</v>
      </c>
      <c r="D3" s="53"/>
    </row>
    <row r="4" spans="1:6">
      <c r="A4" s="20"/>
      <c r="B4" s="20"/>
    </row>
    <row r="5" spans="1:6">
      <c r="B5" s="54"/>
      <c r="C5" s="351" t="s">
        <v>320</v>
      </c>
      <c r="D5" s="352"/>
      <c r="E5" s="351" t="s">
        <v>75</v>
      </c>
      <c r="F5" s="352"/>
    </row>
    <row r="6" spans="1:6">
      <c r="B6" s="55" t="s">
        <v>4</v>
      </c>
      <c r="C6" s="56" t="s">
        <v>156</v>
      </c>
      <c r="D6" s="57" t="s">
        <v>72</v>
      </c>
      <c r="E6" s="56" t="s">
        <v>156</v>
      </c>
      <c r="F6" s="57" t="s">
        <v>72</v>
      </c>
    </row>
    <row r="7" spans="1:6">
      <c r="A7" s="58"/>
      <c r="B7" s="280" t="s">
        <v>89</v>
      </c>
      <c r="C7" s="122">
        <v>17955</v>
      </c>
      <c r="D7" s="281">
        <v>1436</v>
      </c>
      <c r="E7" s="122">
        <v>13085</v>
      </c>
      <c r="F7" s="281">
        <v>1047</v>
      </c>
    </row>
    <row r="8" spans="1:6">
      <c r="A8" s="58"/>
      <c r="B8" s="280" t="s">
        <v>90</v>
      </c>
      <c r="C8" s="122">
        <v>10615</v>
      </c>
      <c r="D8" s="282">
        <v>849</v>
      </c>
      <c r="E8" s="122">
        <v>7302</v>
      </c>
      <c r="F8" s="282">
        <v>584</v>
      </c>
    </row>
    <row r="9" spans="1:6">
      <c r="A9" s="58"/>
      <c r="B9" s="280" t="s">
        <v>91</v>
      </c>
      <c r="C9" s="122">
        <v>2469</v>
      </c>
      <c r="D9" s="282">
        <v>198</v>
      </c>
      <c r="E9" s="122">
        <v>2010</v>
      </c>
      <c r="F9" s="282">
        <v>161</v>
      </c>
    </row>
    <row r="10" spans="1:6">
      <c r="A10" s="58"/>
      <c r="B10" s="280" t="s">
        <v>92</v>
      </c>
      <c r="C10" s="122">
        <v>4872</v>
      </c>
      <c r="D10" s="282">
        <v>390</v>
      </c>
      <c r="E10" s="122">
        <v>3773</v>
      </c>
      <c r="F10" s="282">
        <v>302</v>
      </c>
    </row>
    <row r="11" spans="1:6">
      <c r="A11" s="58"/>
      <c r="B11" s="280" t="s">
        <v>93</v>
      </c>
      <c r="C11" s="121"/>
      <c r="D11" s="282"/>
      <c r="E11" s="121"/>
      <c r="F11" s="282"/>
    </row>
    <row r="12" spans="1:6">
      <c r="A12" s="58"/>
      <c r="B12" s="280" t="s">
        <v>131</v>
      </c>
      <c r="C12" s="121"/>
      <c r="D12" s="282"/>
      <c r="E12" s="121"/>
      <c r="F12" s="282"/>
    </row>
    <row r="13" spans="1:6">
      <c r="A13" s="58"/>
      <c r="B13" s="280" t="s">
        <v>94</v>
      </c>
      <c r="C13" s="121"/>
      <c r="D13" s="282"/>
      <c r="E13" s="121"/>
      <c r="F13" s="282"/>
    </row>
    <row r="14" spans="1:6">
      <c r="A14" s="58"/>
      <c r="B14" s="280" t="s">
        <v>95</v>
      </c>
      <c r="C14" s="121"/>
      <c r="D14" s="282"/>
      <c r="E14" s="121"/>
      <c r="F14" s="282"/>
    </row>
    <row r="15" spans="1:6">
      <c r="A15" s="58"/>
      <c r="B15" s="280" t="s">
        <v>96</v>
      </c>
      <c r="C15" s="121"/>
      <c r="D15" s="282"/>
      <c r="E15" s="121"/>
      <c r="F15" s="282"/>
    </row>
    <row r="16" spans="1:6">
      <c r="A16" s="58"/>
      <c r="B16" s="280" t="s">
        <v>97</v>
      </c>
      <c r="C16" s="121"/>
      <c r="D16" s="282"/>
      <c r="E16" s="121"/>
      <c r="F16" s="282"/>
    </row>
    <row r="17" spans="1:6">
      <c r="A17" s="58"/>
      <c r="B17" s="280" t="s">
        <v>98</v>
      </c>
      <c r="C17" s="121">
        <v>64</v>
      </c>
      <c r="D17" s="282">
        <v>5</v>
      </c>
      <c r="E17" s="121">
        <v>86</v>
      </c>
      <c r="F17" s="282">
        <v>7</v>
      </c>
    </row>
    <row r="18" spans="1:6">
      <c r="A18" s="58"/>
      <c r="B18" s="283" t="s">
        <v>10</v>
      </c>
      <c r="C18" s="87">
        <v>18019</v>
      </c>
      <c r="D18" s="284">
        <v>1442</v>
      </c>
      <c r="E18" s="87">
        <v>13171</v>
      </c>
      <c r="F18" s="284">
        <v>1054</v>
      </c>
    </row>
    <row r="19" spans="1:6">
      <c r="A19" s="58"/>
      <c r="B19" s="58"/>
      <c r="C19" s="58"/>
      <c r="D19" s="58"/>
      <c r="E19" s="58"/>
      <c r="F19" s="58"/>
    </row>
    <row r="20" spans="1:6">
      <c r="C20" s="58"/>
      <c r="D20" s="58"/>
      <c r="E20" s="58"/>
      <c r="F20" s="58"/>
    </row>
    <row r="23" spans="1:6">
      <c r="F23" s="102"/>
    </row>
    <row r="24" spans="1:6">
      <c r="F24" s="102"/>
    </row>
    <row r="25" spans="1:6">
      <c r="F25" s="102"/>
    </row>
  </sheetData>
  <mergeCells count="2">
    <mergeCell ref="C5:D5"/>
    <mergeCell ref="E5:F5"/>
  </mergeCells>
  <pageMargins left="0.70866141732283472" right="0.70866141732283472" top="0.74803149606299213" bottom="0.74803149606299213" header="0.31496062992125984" footer="0.31496062992125984"/>
  <pageSetup paperSize="9" scale="71" orientation="portrait" r:id="rId1"/>
</worksheet>
</file>

<file path=xl/worksheets/sheet1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H15"/>
  <sheetViews>
    <sheetView zoomScale="90" zoomScaleNormal="90" workbookViewId="0"/>
  </sheetViews>
  <sheetFormatPr defaultRowHeight="12.75"/>
  <cols>
    <col min="1" max="1" width="7.7109375" style="52" customWidth="1"/>
    <col min="2" max="2" width="48.140625" style="52" customWidth="1"/>
    <col min="3" max="4" width="23" style="52" customWidth="1"/>
    <col min="5" max="5" width="3.28515625" style="52" customWidth="1"/>
    <col min="6" max="7" width="23" style="52" customWidth="1"/>
    <col min="8" max="16384" width="9.140625" style="52"/>
  </cols>
  <sheetData>
    <row r="1" spans="1:8">
      <c r="A1" s="20"/>
      <c r="B1" s="20" t="s">
        <v>325</v>
      </c>
    </row>
    <row r="2" spans="1:8" ht="12.75" customHeight="1"/>
    <row r="3" spans="1:8">
      <c r="A3" s="18"/>
      <c r="B3" s="20" t="s">
        <v>87</v>
      </c>
    </row>
    <row r="4" spans="1:8">
      <c r="A4" s="20"/>
    </row>
    <row r="5" spans="1:8">
      <c r="B5" s="54"/>
      <c r="C5" s="353" t="s">
        <v>320</v>
      </c>
      <c r="D5" s="352"/>
      <c r="F5" s="354" t="s">
        <v>75</v>
      </c>
      <c r="G5" s="352"/>
      <c r="H5" s="59"/>
    </row>
    <row r="6" spans="1:8">
      <c r="B6" s="60" t="s">
        <v>4</v>
      </c>
      <c r="C6" s="61" t="s">
        <v>156</v>
      </c>
      <c r="D6" s="62" t="s">
        <v>72</v>
      </c>
      <c r="F6" s="61" t="s">
        <v>156</v>
      </c>
      <c r="G6" s="62" t="s">
        <v>72</v>
      </c>
      <c r="H6" s="59"/>
    </row>
    <row r="7" spans="1:8">
      <c r="A7" s="58"/>
      <c r="B7" s="285" t="s">
        <v>99</v>
      </c>
      <c r="C7" s="78">
        <v>3638</v>
      </c>
      <c r="D7" s="286">
        <v>291</v>
      </c>
      <c r="E7" s="58"/>
      <c r="F7" s="287">
        <v>4345</v>
      </c>
      <c r="G7" s="286">
        <v>348</v>
      </c>
    </row>
    <row r="8" spans="1:8">
      <c r="A8" s="58"/>
      <c r="B8" s="280" t="s">
        <v>100</v>
      </c>
      <c r="C8" s="122">
        <v>1053</v>
      </c>
      <c r="D8" s="282">
        <v>84</v>
      </c>
      <c r="E8" s="58"/>
      <c r="F8" s="288">
        <v>1138</v>
      </c>
      <c r="G8" s="282">
        <v>91</v>
      </c>
    </row>
    <row r="9" spans="1:8" s="58" customFormat="1" ht="51">
      <c r="B9" s="289" t="s">
        <v>104</v>
      </c>
      <c r="C9" s="122">
        <v>3638</v>
      </c>
      <c r="D9" s="282">
        <v>291</v>
      </c>
      <c r="F9" s="288">
        <v>4345</v>
      </c>
      <c r="G9" s="282">
        <v>348</v>
      </c>
    </row>
    <row r="10" spans="1:8" s="58" customFormat="1">
      <c r="B10" s="289"/>
      <c r="C10" s="122"/>
      <c r="D10" s="282"/>
      <c r="F10" s="288"/>
      <c r="G10" s="282"/>
    </row>
    <row r="11" spans="1:8" s="58" customFormat="1">
      <c r="B11" s="290" t="s">
        <v>101</v>
      </c>
      <c r="C11" s="291">
        <v>22901</v>
      </c>
      <c r="D11" s="292">
        <v>1832</v>
      </c>
      <c r="F11" s="293">
        <v>25697</v>
      </c>
      <c r="G11" s="292">
        <v>2056</v>
      </c>
    </row>
    <row r="12" spans="1:8" s="58" customFormat="1">
      <c r="B12" s="280" t="s">
        <v>102</v>
      </c>
      <c r="C12" s="122">
        <v>7816</v>
      </c>
      <c r="D12" s="281">
        <v>625</v>
      </c>
      <c r="F12" s="288">
        <v>6776</v>
      </c>
      <c r="G12" s="281">
        <v>542</v>
      </c>
    </row>
    <row r="13" spans="1:8" s="58" customFormat="1" ht="38.25">
      <c r="B13" s="289" t="s">
        <v>103</v>
      </c>
      <c r="C13" s="122">
        <v>22901</v>
      </c>
      <c r="D13" s="281">
        <v>1832</v>
      </c>
      <c r="F13" s="288">
        <v>25697</v>
      </c>
      <c r="G13" s="281">
        <v>2056</v>
      </c>
    </row>
    <row r="14" spans="1:8" s="58" customFormat="1">
      <c r="B14" s="289"/>
      <c r="C14" s="122"/>
      <c r="D14" s="282"/>
      <c r="F14" s="288"/>
      <c r="G14" s="282"/>
    </row>
    <row r="15" spans="1:8" s="58" customFormat="1">
      <c r="B15" s="64" t="s">
        <v>10</v>
      </c>
      <c r="C15" s="65">
        <v>26539</v>
      </c>
      <c r="D15" s="66">
        <v>2123</v>
      </c>
      <c r="E15" s="52"/>
      <c r="F15" s="67">
        <v>30042</v>
      </c>
      <c r="G15" s="66">
        <v>2403</v>
      </c>
    </row>
  </sheetData>
  <mergeCells count="2">
    <mergeCell ref="C5:D5"/>
    <mergeCell ref="F5:G5"/>
  </mergeCells>
  <pageMargins left="0.70866141732283472" right="0.70866141732283472" top="0.74803149606299213" bottom="0.74803149606299213" header="0.31496062992125984" footer="0.31496062992125984"/>
  <pageSetup paperSize="9" scale="64" orientation="portrait" r:id="rId1"/>
</worksheet>
</file>

<file path=xl/worksheets/sheet17.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codeName="Sheet54">
    <pageSetUpPr fitToPage="1"/>
  </sheetPr>
  <dimension ref="A1:N25"/>
  <sheetViews>
    <sheetView zoomScale="90" zoomScaleNormal="90" workbookViewId="0"/>
  </sheetViews>
  <sheetFormatPr defaultColWidth="8" defaultRowHeight="11.25"/>
  <cols>
    <col min="1" max="1" width="7.7109375" style="229" customWidth="1"/>
    <col min="2" max="2" width="20.5703125" style="228" customWidth="1"/>
    <col min="3" max="3" width="12.85546875" style="228" customWidth="1"/>
    <col min="4" max="4" width="12.85546875" style="229" customWidth="1"/>
    <col min="5" max="5" width="15.85546875" style="229" customWidth="1"/>
    <col min="6" max="6" width="12.85546875" style="228" customWidth="1"/>
    <col min="7" max="7" width="13.85546875" style="229" customWidth="1"/>
    <col min="8" max="8" width="30.42578125" style="229" customWidth="1"/>
    <col min="9" max="9" width="11.5703125" style="229" customWidth="1"/>
    <col min="10" max="11" width="11.5703125" style="228" customWidth="1"/>
    <col min="12" max="13" width="11.5703125" style="229" customWidth="1"/>
    <col min="14" max="14" width="12.85546875" style="228" customWidth="1"/>
    <col min="15" max="15" width="12.85546875" style="229" customWidth="1"/>
    <col min="16" max="16" width="13.140625" style="229" customWidth="1"/>
    <col min="17" max="16384" width="8" style="229"/>
  </cols>
  <sheetData>
    <row r="1" spans="1:14" ht="12.75">
      <c r="A1" s="227"/>
      <c r="B1" s="227" t="s">
        <v>325</v>
      </c>
      <c r="K1" s="229"/>
      <c r="N1" s="229"/>
    </row>
    <row r="2" spans="1:14" ht="12.75">
      <c r="A2" s="227"/>
      <c r="D2" s="52"/>
      <c r="E2" s="52"/>
      <c r="F2" s="52"/>
      <c r="G2" s="52"/>
      <c r="H2" s="52"/>
      <c r="I2" s="52"/>
      <c r="J2" s="52"/>
      <c r="K2" s="229"/>
      <c r="N2" s="229"/>
    </row>
    <row r="3" spans="1:14" ht="12.75">
      <c r="A3" s="230"/>
      <c r="B3" s="231" t="s">
        <v>152</v>
      </c>
      <c r="D3" s="52"/>
      <c r="E3" s="52"/>
      <c r="F3" s="52"/>
      <c r="G3" s="52"/>
      <c r="H3" s="52"/>
      <c r="I3" s="52"/>
      <c r="J3" s="52"/>
      <c r="K3" s="229"/>
      <c r="M3" s="228"/>
      <c r="N3" s="229"/>
    </row>
    <row r="4" spans="1:14" ht="12.75">
      <c r="A4" s="230"/>
      <c r="B4" s="231"/>
      <c r="K4" s="229"/>
      <c r="M4" s="228"/>
      <c r="N4" s="229"/>
    </row>
    <row r="5" spans="1:14" ht="12.75" customHeight="1">
      <c r="B5" s="232" t="s">
        <v>4</v>
      </c>
      <c r="C5" s="355" t="s">
        <v>320</v>
      </c>
      <c r="D5" s="357" t="s">
        <v>75</v>
      </c>
      <c r="F5" s="229"/>
      <c r="M5" s="228"/>
      <c r="N5" s="229"/>
    </row>
    <row r="6" spans="1:14" ht="12.75">
      <c r="B6" s="233" t="s">
        <v>151</v>
      </c>
      <c r="C6" s="356"/>
      <c r="D6" s="358"/>
      <c r="E6" s="228"/>
      <c r="F6" s="229"/>
    </row>
    <row r="7" spans="1:14" ht="12.75">
      <c r="A7" s="294"/>
      <c r="B7" s="295" t="s">
        <v>149</v>
      </c>
      <c r="C7" s="296">
        <v>155</v>
      </c>
      <c r="D7" s="297">
        <v>182</v>
      </c>
      <c r="E7" s="228"/>
      <c r="F7" s="229"/>
    </row>
    <row r="8" spans="1:14" ht="12.75">
      <c r="A8" s="294"/>
      <c r="B8" s="295" t="s">
        <v>148</v>
      </c>
      <c r="C8" s="296">
        <v>104</v>
      </c>
      <c r="D8" s="297">
        <v>112</v>
      </c>
      <c r="E8" s="228"/>
      <c r="F8" s="229"/>
    </row>
    <row r="9" spans="1:14" ht="12.75">
      <c r="A9" s="294"/>
      <c r="B9" s="295" t="s">
        <v>147</v>
      </c>
      <c r="C9" s="296">
        <v>67</v>
      </c>
      <c r="D9" s="297">
        <v>83</v>
      </c>
      <c r="E9" s="228"/>
      <c r="F9" s="229"/>
    </row>
    <row r="10" spans="1:14" ht="12.75">
      <c r="A10" s="294"/>
      <c r="B10" s="295" t="s">
        <v>146</v>
      </c>
      <c r="C10" s="296">
        <v>84</v>
      </c>
      <c r="D10" s="297">
        <v>92</v>
      </c>
      <c r="E10" s="228"/>
      <c r="F10" s="229"/>
    </row>
    <row r="11" spans="1:14" ht="12.75">
      <c r="B11" s="234" t="s">
        <v>150</v>
      </c>
      <c r="C11" s="235"/>
      <c r="D11" s="236"/>
      <c r="E11" s="228"/>
      <c r="F11" s="229"/>
    </row>
    <row r="12" spans="1:14" ht="12.75">
      <c r="A12" s="294"/>
      <c r="B12" s="295" t="s">
        <v>149</v>
      </c>
      <c r="C12" s="296">
        <v>755</v>
      </c>
      <c r="D12" s="297">
        <v>741</v>
      </c>
      <c r="E12" s="228"/>
      <c r="F12" s="229"/>
    </row>
    <row r="13" spans="1:14" ht="12.75">
      <c r="A13" s="294"/>
      <c r="B13" s="295" t="s">
        <v>148</v>
      </c>
      <c r="C13" s="296">
        <v>584</v>
      </c>
      <c r="D13" s="297">
        <v>578</v>
      </c>
      <c r="E13" s="228"/>
      <c r="F13" s="229"/>
    </row>
    <row r="14" spans="1:14" ht="12.75">
      <c r="A14" s="294"/>
      <c r="B14" s="295" t="s">
        <v>147</v>
      </c>
      <c r="C14" s="296">
        <v>407</v>
      </c>
      <c r="D14" s="297">
        <v>413</v>
      </c>
      <c r="E14" s="228"/>
      <c r="F14" s="229"/>
    </row>
    <row r="15" spans="1:14" ht="12.75">
      <c r="A15" s="294"/>
      <c r="B15" s="295" t="s">
        <v>146</v>
      </c>
      <c r="C15" s="296">
        <v>625</v>
      </c>
      <c r="D15" s="298">
        <v>538</v>
      </c>
      <c r="E15" s="228"/>
      <c r="F15" s="229"/>
    </row>
    <row r="16" spans="1:14" ht="12.75">
      <c r="B16" s="234" t="s">
        <v>145</v>
      </c>
      <c r="C16" s="235"/>
      <c r="D16" s="236"/>
      <c r="E16" s="228"/>
      <c r="F16" s="229"/>
    </row>
    <row r="17" spans="1:14" ht="12.75">
      <c r="A17" s="294"/>
      <c r="B17" s="295" t="s">
        <v>149</v>
      </c>
      <c r="C17" s="299"/>
      <c r="D17" s="297"/>
      <c r="F17" s="229"/>
      <c r="I17" s="228"/>
      <c r="K17" s="229"/>
      <c r="M17" s="228"/>
      <c r="N17" s="229"/>
    </row>
    <row r="18" spans="1:14" ht="12.75">
      <c r="A18" s="294"/>
      <c r="B18" s="295" t="s">
        <v>148</v>
      </c>
      <c r="C18" s="299"/>
      <c r="D18" s="297"/>
    </row>
    <row r="19" spans="1:14" ht="12.75">
      <c r="A19" s="294"/>
      <c r="B19" s="295" t="s">
        <v>147</v>
      </c>
      <c r="C19" s="299"/>
      <c r="D19" s="297"/>
    </row>
    <row r="20" spans="1:14" ht="12.75">
      <c r="A20" s="294"/>
      <c r="B20" s="295" t="s">
        <v>146</v>
      </c>
      <c r="C20" s="299"/>
      <c r="D20" s="297"/>
    </row>
    <row r="21" spans="1:14" ht="12.75">
      <c r="B21" s="237" t="s">
        <v>153</v>
      </c>
      <c r="C21" s="236"/>
      <c r="D21" s="236"/>
    </row>
    <row r="22" spans="1:14" ht="12.75">
      <c r="A22" s="294"/>
      <c r="B22" s="295" t="s">
        <v>149</v>
      </c>
      <c r="C22" s="299"/>
      <c r="D22" s="297"/>
      <c r="E22" s="294"/>
    </row>
    <row r="23" spans="1:14" ht="12.75">
      <c r="A23" s="294"/>
      <c r="B23" s="295" t="s">
        <v>148</v>
      </c>
      <c r="C23" s="299"/>
      <c r="D23" s="297"/>
      <c r="E23" s="294"/>
    </row>
    <row r="24" spans="1:14" ht="12.75">
      <c r="A24" s="294"/>
      <c r="B24" s="295" t="s">
        <v>147</v>
      </c>
      <c r="C24" s="299"/>
      <c r="D24" s="297"/>
      <c r="E24" s="294"/>
    </row>
    <row r="25" spans="1:14" ht="12.75">
      <c r="A25" s="294"/>
      <c r="B25" s="300" t="s">
        <v>146</v>
      </c>
      <c r="C25" s="301"/>
      <c r="D25" s="298"/>
      <c r="E25" s="294"/>
    </row>
  </sheetData>
  <mergeCells count="2">
    <mergeCell ref="C5:C6"/>
    <mergeCell ref="D5:D6"/>
  </mergeCells>
  <pageMargins left="0.74803149606299213" right="0.35433070866141736" top="0.59055118110236227" bottom="0.59055118110236227" header="0.51181102362204722" footer="0.31496062992125984"/>
  <pageSetup paperSize="9" orientation="portrait" r:id="rId1"/>
  <headerFooter alignWithMargins="0">
    <oddFooter>&amp;A&amp;RPage &amp;P</oddFooter>
  </headerFooter>
  <drawing r:id="rId2"/>
  <legacyDrawing r:id="rId3"/>
  <mc:AlternateContent xmlns:mc="http://schemas.openxmlformats.org/markup-compatibility/2006">
    <mc:Choice Requires="x14">
      <controls>
        <mc:AlternateContent xmlns:mc="http://schemas.openxmlformats.org/markup-compatibility/2006">
          <mc:Choice Requires="x14">
            <control shapeId="7143425" r:id="rId4" name="Button 1">
              <controlPr defaultSize="0" print="0" autoFill="0" autoPict="0">
                <anchor moveWithCells="1" sizeWithCells="1">
                  <from>
                    <xdr:col>0</xdr:col>
                    <xdr:colOff>47625</xdr:colOff>
                    <xdr:row>0</xdr:row>
                    <xdr:rowOff>0</xdr:rowOff>
                  </from>
                  <to>
                    <xdr:col>0</xdr:col>
                    <xdr:colOff>57150</xdr:colOff>
                    <xdr:row>0</xdr:row>
                    <xdr:rowOff>0</xdr:rowOff>
                  </to>
                </anchor>
              </controlPr>
            </control>
          </mc:Choice>
        </mc:AlternateContent>
        <mc:AlternateContent xmlns:mc="http://schemas.openxmlformats.org/markup-compatibility/2006">
          <mc:Choice Requires="x14">
            <control shapeId="7143426" r:id="rId5" name="Button 2">
              <controlPr defaultSize="0" print="0" autoFill="0" autoPict="0">
                <anchor moveWithCells="1" sizeWithCells="1">
                  <from>
                    <xdr:col>0</xdr:col>
                    <xdr:colOff>47625</xdr:colOff>
                    <xdr:row>0</xdr:row>
                    <xdr:rowOff>0</xdr:rowOff>
                  </from>
                  <to>
                    <xdr:col>0</xdr:col>
                    <xdr:colOff>57150</xdr:colOff>
                    <xdr:row>0</xdr:row>
                    <xdr:rowOff>0</xdr:rowOff>
                  </to>
                </anchor>
              </controlPr>
            </control>
          </mc:Choice>
        </mc:AlternateContent>
        <mc:AlternateContent xmlns:mc="http://schemas.openxmlformats.org/markup-compatibility/2006">
          <mc:Choice Requires="x14">
            <control shapeId="7143427" r:id="rId6" name="Button 3">
              <controlPr defaultSize="0" print="0" autoFill="0" autoPict="0">
                <anchor moveWithCells="1" sizeWithCells="1">
                  <from>
                    <xdr:col>0</xdr:col>
                    <xdr:colOff>47625</xdr:colOff>
                    <xdr:row>0</xdr:row>
                    <xdr:rowOff>0</xdr:rowOff>
                  </from>
                  <to>
                    <xdr:col>0</xdr:col>
                    <xdr:colOff>57150</xdr:colOff>
                    <xdr:row>0</xdr:row>
                    <xdr:rowOff>0</xdr:rowOff>
                  </to>
                </anchor>
              </controlPr>
            </control>
          </mc:Choice>
        </mc:AlternateContent>
      </controls>
    </mc:Choice>
  </mc:AlternateContent>
</worksheet>
</file>

<file path=xl/worksheets/sheet1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B1:L39"/>
  <sheetViews>
    <sheetView zoomScale="90" zoomScaleNormal="90" workbookViewId="0"/>
  </sheetViews>
  <sheetFormatPr defaultColWidth="8.85546875" defaultRowHeight="12.75"/>
  <cols>
    <col min="1" max="11" width="8.85546875" style="256"/>
    <col min="12" max="12" width="10" style="256" bestFit="1" customWidth="1"/>
    <col min="13" max="16384" width="8.85546875" style="256"/>
  </cols>
  <sheetData>
    <row r="1" spans="2:2">
      <c r="B1" s="227" t="s">
        <v>325</v>
      </c>
    </row>
    <row r="3" spans="2:2">
      <c r="B3" s="227" t="s">
        <v>85</v>
      </c>
    </row>
    <row r="32" spans="12:12">
      <c r="L32" s="257"/>
    </row>
    <row r="37" spans="2:11">
      <c r="B37" s="258"/>
    </row>
    <row r="39" spans="2:11">
      <c r="K39" s="273"/>
    </row>
  </sheetData>
  <pageMargins left="0.7" right="0.7" top="0.75" bottom="0.75" header="0.3" footer="0.3"/>
  <pageSetup paperSize="9" scale="91" orientation="portrait" r:id="rId1"/>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E33"/>
  <sheetViews>
    <sheetView zoomScale="90" zoomScaleNormal="90" workbookViewId="0"/>
  </sheetViews>
  <sheetFormatPr defaultRowHeight="12.75"/>
  <cols>
    <col min="1" max="1" width="7.7109375" style="52" customWidth="1"/>
    <col min="2" max="2" width="58.7109375" style="52" bestFit="1" customWidth="1"/>
    <col min="3" max="5" width="14.5703125" style="52" customWidth="1"/>
    <col min="6" max="16384" width="9.140625" style="52"/>
  </cols>
  <sheetData>
    <row r="1" spans="1:5">
      <c r="A1" s="13"/>
      <c r="B1" s="13" t="s">
        <v>325</v>
      </c>
    </row>
    <row r="3" spans="1:5">
      <c r="A3" s="18"/>
      <c r="B3" s="94" t="s">
        <v>319</v>
      </c>
      <c r="C3" s="95"/>
      <c r="D3" s="95"/>
      <c r="E3" s="95"/>
    </row>
    <row r="4" spans="1:5">
      <c r="B4" s="96"/>
      <c r="C4" s="96"/>
      <c r="D4" s="97"/>
      <c r="E4" s="97"/>
    </row>
    <row r="5" spans="1:5" ht="38.25">
      <c r="B5" s="98" t="s">
        <v>155</v>
      </c>
      <c r="C5" s="329" t="s">
        <v>156</v>
      </c>
      <c r="D5" s="329"/>
      <c r="E5" s="98" t="s">
        <v>157</v>
      </c>
    </row>
    <row r="6" spans="1:5">
      <c r="B6" s="99" t="s">
        <v>4</v>
      </c>
      <c r="C6" s="100" t="s">
        <v>320</v>
      </c>
      <c r="D6" s="100" t="s">
        <v>75</v>
      </c>
      <c r="E6" s="100" t="s">
        <v>320</v>
      </c>
    </row>
    <row r="7" spans="1:5">
      <c r="B7" s="101" t="s">
        <v>158</v>
      </c>
      <c r="C7" s="102">
        <v>454526</v>
      </c>
      <c r="D7" s="102">
        <v>443741</v>
      </c>
      <c r="E7" s="102">
        <v>36362.080000000002</v>
      </c>
    </row>
    <row r="8" spans="1:5">
      <c r="B8" s="103" t="s">
        <v>159</v>
      </c>
      <c r="C8" s="102">
        <v>49158</v>
      </c>
      <c r="D8" s="102">
        <v>51678</v>
      </c>
      <c r="E8" s="104">
        <v>3932.64</v>
      </c>
    </row>
    <row r="9" spans="1:5">
      <c r="B9" s="105" t="s">
        <v>160</v>
      </c>
      <c r="C9" s="104">
        <v>128200</v>
      </c>
      <c r="D9" s="104">
        <v>119588</v>
      </c>
      <c r="E9" s="104">
        <v>10256</v>
      </c>
    </row>
    <row r="10" spans="1:5">
      <c r="B10" s="105" t="s">
        <v>161</v>
      </c>
      <c r="C10" s="102">
        <v>277168</v>
      </c>
      <c r="D10" s="102">
        <v>272475</v>
      </c>
      <c r="E10" s="104">
        <v>22173.439999999999</v>
      </c>
    </row>
    <row r="11" spans="1:5">
      <c r="B11" s="106" t="s">
        <v>162</v>
      </c>
      <c r="C11" s="102">
        <v>30450</v>
      </c>
      <c r="D11" s="102">
        <v>33895</v>
      </c>
      <c r="E11" s="104">
        <v>2436</v>
      </c>
    </row>
    <row r="12" spans="1:5">
      <c r="B12" s="103" t="s">
        <v>163</v>
      </c>
      <c r="C12" s="255">
        <v>8165</v>
      </c>
      <c r="D12" s="255">
        <v>9288</v>
      </c>
      <c r="E12" s="269">
        <v>653.20000000000005</v>
      </c>
    </row>
    <row r="13" spans="1:5">
      <c r="B13" s="103" t="s">
        <v>164</v>
      </c>
      <c r="C13" s="107">
        <v>15666</v>
      </c>
      <c r="D13" s="107">
        <v>16720</v>
      </c>
      <c r="E13" s="108">
        <v>1253.28</v>
      </c>
    </row>
    <row r="14" spans="1:5" ht="25.5">
      <c r="B14" s="105" t="s">
        <v>165</v>
      </c>
      <c r="C14" s="107">
        <v>109</v>
      </c>
      <c r="D14" s="107">
        <v>69</v>
      </c>
      <c r="E14" s="108">
        <v>8.7200000000000006</v>
      </c>
    </row>
    <row r="15" spans="1:5">
      <c r="B15" s="105" t="s">
        <v>166</v>
      </c>
      <c r="C15" s="107">
        <v>6510</v>
      </c>
      <c r="D15" s="107">
        <v>7818</v>
      </c>
      <c r="E15" s="108">
        <v>520.79999999999995</v>
      </c>
    </row>
    <row r="16" spans="1:5">
      <c r="B16" s="101" t="s">
        <v>167</v>
      </c>
      <c r="C16" s="102">
        <v>1</v>
      </c>
      <c r="D16" s="102">
        <v>0</v>
      </c>
      <c r="E16" s="102">
        <v>0</v>
      </c>
    </row>
    <row r="17" spans="2:5">
      <c r="B17" s="101" t="s">
        <v>168</v>
      </c>
      <c r="C17" s="102">
        <v>2051</v>
      </c>
      <c r="D17" s="102">
        <v>3282</v>
      </c>
      <c r="E17" s="104">
        <v>164.08</v>
      </c>
    </row>
    <row r="18" spans="2:5">
      <c r="B18" s="103" t="s">
        <v>169</v>
      </c>
      <c r="C18" s="102">
        <v>1833</v>
      </c>
      <c r="D18" s="102">
        <v>3066</v>
      </c>
      <c r="E18" s="104">
        <v>146.64000000000001</v>
      </c>
    </row>
    <row r="19" spans="2:5">
      <c r="B19" s="103" t="s">
        <v>170</v>
      </c>
      <c r="C19" s="102">
        <v>218</v>
      </c>
      <c r="D19" s="102">
        <v>216</v>
      </c>
      <c r="E19" s="104">
        <v>17.440000000000001</v>
      </c>
    </row>
    <row r="20" spans="2:5">
      <c r="B20" s="101" t="s">
        <v>171</v>
      </c>
      <c r="C20" s="102">
        <v>44558</v>
      </c>
      <c r="D20" s="102">
        <v>43213</v>
      </c>
      <c r="E20" s="104">
        <v>3564.64</v>
      </c>
    </row>
    <row r="21" spans="2:5">
      <c r="B21" s="103" t="s">
        <v>170</v>
      </c>
      <c r="C21" s="102">
        <v>18019</v>
      </c>
      <c r="D21" s="102">
        <v>13171</v>
      </c>
      <c r="E21" s="104">
        <v>1441.52</v>
      </c>
    </row>
    <row r="22" spans="2:5">
      <c r="B22" s="109" t="s">
        <v>172</v>
      </c>
      <c r="C22" s="102">
        <v>26539</v>
      </c>
      <c r="D22" s="102">
        <v>30042</v>
      </c>
      <c r="E22" s="104">
        <v>2123.12</v>
      </c>
    </row>
    <row r="23" spans="2:5">
      <c r="B23" s="101" t="s">
        <v>173</v>
      </c>
      <c r="C23" s="110"/>
      <c r="D23" s="110"/>
      <c r="E23" s="104"/>
    </row>
    <row r="24" spans="2:5">
      <c r="B24" s="111" t="s">
        <v>174</v>
      </c>
      <c r="C24" s="102">
        <v>46901</v>
      </c>
      <c r="D24" s="102">
        <v>47901</v>
      </c>
      <c r="E24" s="104">
        <v>3752.08</v>
      </c>
    </row>
    <row r="25" spans="2:5">
      <c r="B25" s="109" t="s">
        <v>175</v>
      </c>
      <c r="C25" s="102">
        <v>46901</v>
      </c>
      <c r="D25" s="102">
        <v>47901</v>
      </c>
      <c r="E25" s="104">
        <v>3752.08</v>
      </c>
    </row>
    <row r="26" spans="2:5" ht="25.5">
      <c r="B26" s="111" t="s">
        <v>176</v>
      </c>
      <c r="C26" s="102">
        <v>22243</v>
      </c>
      <c r="D26" s="102">
        <v>23180</v>
      </c>
      <c r="E26" s="104">
        <v>1779.44</v>
      </c>
    </row>
    <row r="27" spans="2:5">
      <c r="B27" s="111" t="s">
        <v>177</v>
      </c>
      <c r="C27" s="102"/>
      <c r="D27" s="102"/>
      <c r="E27" s="104"/>
    </row>
    <row r="28" spans="2:5">
      <c r="B28" s="112" t="s">
        <v>178</v>
      </c>
      <c r="C28" s="113">
        <v>15793</v>
      </c>
      <c r="D28" s="113">
        <v>14747</v>
      </c>
      <c r="E28" s="114">
        <v>1263.44</v>
      </c>
    </row>
    <row r="29" spans="2:5">
      <c r="B29" s="115" t="s">
        <v>179</v>
      </c>
      <c r="C29" s="116">
        <v>616523</v>
      </c>
      <c r="D29" s="116">
        <v>609959</v>
      </c>
      <c r="E29" s="116">
        <v>49321.760000000009</v>
      </c>
    </row>
    <row r="30" spans="2:5">
      <c r="B30" s="117"/>
      <c r="C30" s="118"/>
      <c r="D30" s="118"/>
      <c r="E30" s="117"/>
    </row>
    <row r="31" spans="2:5">
      <c r="B31" s="119"/>
      <c r="C31" s="119"/>
      <c r="D31" s="120"/>
      <c r="E31" s="120"/>
    </row>
    <row r="33" spans="3:3">
      <c r="C33" s="210"/>
    </row>
  </sheetData>
  <mergeCells count="1">
    <mergeCell ref="C5:D5"/>
  </mergeCells>
  <pageMargins left="0.70866141732283472" right="0.70866141732283472" top="0.74803149606299213" bottom="0.74803149606299213" header="0.31496062992125984" footer="0.31496062992125984"/>
  <pageSetup paperSize="9" scale="80" orientation="portrait" r:id="rId1"/>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D9"/>
  <sheetViews>
    <sheetView zoomScale="90" zoomScaleNormal="90" workbookViewId="0"/>
  </sheetViews>
  <sheetFormatPr defaultRowHeight="12.75"/>
  <cols>
    <col min="1" max="1" width="7.7109375" style="52" customWidth="1"/>
    <col min="2" max="2" width="45.42578125" style="52" customWidth="1"/>
    <col min="3" max="4" width="13.5703125" style="52" customWidth="1"/>
    <col min="5" max="16384" width="9.140625" style="52"/>
  </cols>
  <sheetData>
    <row r="1" spans="1:4">
      <c r="A1" s="13"/>
      <c r="B1" s="13" t="s">
        <v>325</v>
      </c>
    </row>
    <row r="3" spans="1:4">
      <c r="A3" s="18"/>
      <c r="B3" s="20" t="s">
        <v>86</v>
      </c>
    </row>
    <row r="5" spans="1:4" ht="15.75" customHeight="1">
      <c r="B5" s="318"/>
      <c r="C5" s="319"/>
      <c r="D5" s="319"/>
    </row>
    <row r="6" spans="1:4" ht="15.75" customHeight="1">
      <c r="B6" s="322" t="s">
        <v>4</v>
      </c>
      <c r="C6" s="317" t="s">
        <v>320</v>
      </c>
      <c r="D6" s="317" t="s">
        <v>75</v>
      </c>
    </row>
    <row r="7" spans="1:4" ht="51">
      <c r="B7" s="320" t="s">
        <v>113</v>
      </c>
      <c r="C7" s="321">
        <v>6653.0209999999997</v>
      </c>
      <c r="D7" s="321">
        <v>6653.0209999999997</v>
      </c>
    </row>
    <row r="8" spans="1:4" s="58" customFormat="1">
      <c r="A8" s="121"/>
      <c r="B8" s="121" t="s">
        <v>73</v>
      </c>
      <c r="C8" s="122">
        <v>16632.552499999998</v>
      </c>
      <c r="D8" s="122">
        <v>16632.552499999998</v>
      </c>
    </row>
    <row r="9" spans="1:4" s="58" customFormat="1">
      <c r="A9" s="121"/>
      <c r="B9" s="121"/>
      <c r="C9" s="122"/>
    </row>
  </sheetData>
  <pageMargins left="0.7" right="0.7" top="0.75" bottom="0.75" header="0.3" footer="0.3"/>
  <pageSetup paperSize="9" orientation="portrait" r:id="rId1"/>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O45"/>
  <sheetViews>
    <sheetView zoomScale="90" zoomScaleNormal="90" workbookViewId="0"/>
  </sheetViews>
  <sheetFormatPr defaultRowHeight="12.75"/>
  <cols>
    <col min="1" max="1" width="7.7109375" style="14" customWidth="1"/>
    <col min="2" max="2" width="45.7109375" style="132" customWidth="1"/>
    <col min="3" max="6" width="16.7109375" style="14" customWidth="1"/>
    <col min="7" max="8" width="16.7109375" style="15" customWidth="1"/>
    <col min="9" max="9" width="9.140625" style="14" customWidth="1"/>
    <col min="10" max="16384" width="9.140625" style="14"/>
  </cols>
  <sheetData>
    <row r="1" spans="1:13">
      <c r="A1" s="13"/>
      <c r="B1" s="13" t="s">
        <v>325</v>
      </c>
    </row>
    <row r="2" spans="1:13">
      <c r="B2" s="14"/>
    </row>
    <row r="3" spans="1:13">
      <c r="A3" s="18"/>
      <c r="B3" s="19" t="s">
        <v>141</v>
      </c>
    </row>
    <row r="4" spans="1:13">
      <c r="B4" s="40"/>
    </row>
    <row r="5" spans="1:13" ht="18.75" customHeight="1">
      <c r="B5" s="330" t="s">
        <v>321</v>
      </c>
      <c r="C5" s="332" t="s">
        <v>18</v>
      </c>
      <c r="D5" s="332"/>
      <c r="E5" s="332" t="s">
        <v>19</v>
      </c>
      <c r="F5" s="332"/>
      <c r="G5" s="333" t="s">
        <v>156</v>
      </c>
      <c r="H5" s="333" t="s">
        <v>143</v>
      </c>
    </row>
    <row r="6" spans="1:13" ht="30" customHeight="1">
      <c r="B6" s="331"/>
      <c r="C6" s="123" t="s">
        <v>20</v>
      </c>
      <c r="D6" s="123" t="s">
        <v>21</v>
      </c>
      <c r="E6" s="123" t="s">
        <v>20</v>
      </c>
      <c r="F6" s="123" t="s">
        <v>21</v>
      </c>
      <c r="G6" s="334"/>
      <c r="H6" s="336"/>
    </row>
    <row r="7" spans="1:13" s="15" customFormat="1">
      <c r="B7" s="28" t="s">
        <v>11</v>
      </c>
      <c r="C7" s="124">
        <v>2805.1</v>
      </c>
      <c r="D7" s="73">
        <v>15</v>
      </c>
      <c r="E7" s="124">
        <v>2805.1</v>
      </c>
      <c r="F7" s="73">
        <v>15</v>
      </c>
      <c r="G7" s="125">
        <v>762.6</v>
      </c>
      <c r="H7" s="126">
        <v>27.041594269706749</v>
      </c>
      <c r="I7" s="53"/>
      <c r="J7" s="127"/>
      <c r="K7" s="127"/>
      <c r="L7" s="127"/>
      <c r="M7" s="127"/>
    </row>
    <row r="8" spans="1:13" s="15" customFormat="1">
      <c r="B8" s="28" t="s">
        <v>12</v>
      </c>
      <c r="C8" s="124">
        <v>276.2</v>
      </c>
      <c r="D8" s="73"/>
      <c r="E8" s="124">
        <v>540.6</v>
      </c>
      <c r="F8" s="73"/>
      <c r="G8" s="73"/>
      <c r="H8" s="126">
        <v>0</v>
      </c>
      <c r="J8" s="127"/>
      <c r="K8" s="127"/>
      <c r="L8" s="127"/>
      <c r="M8" s="127"/>
    </row>
    <row r="9" spans="1:13" s="15" customFormat="1">
      <c r="B9" s="28" t="s">
        <v>13</v>
      </c>
      <c r="C9" s="124">
        <v>13.5</v>
      </c>
      <c r="D9" s="73"/>
      <c r="E9" s="124">
        <v>13.5</v>
      </c>
      <c r="F9" s="73"/>
      <c r="G9" s="73">
        <v>6.8</v>
      </c>
      <c r="H9" s="126">
        <v>50.370370370370367</v>
      </c>
      <c r="J9" s="127"/>
      <c r="K9" s="127"/>
      <c r="L9" s="127"/>
      <c r="M9" s="127"/>
    </row>
    <row r="10" spans="1:13" s="15" customFormat="1">
      <c r="B10" s="28" t="s">
        <v>22</v>
      </c>
      <c r="C10" s="124"/>
      <c r="D10" s="73"/>
      <c r="E10" s="124"/>
      <c r="F10" s="73"/>
      <c r="G10" s="73"/>
      <c r="H10" s="126"/>
      <c r="J10" s="127"/>
      <c r="K10" s="127"/>
      <c r="L10" s="127"/>
      <c r="M10" s="127"/>
    </row>
    <row r="11" spans="1:13" s="15" customFormat="1">
      <c r="B11" s="28" t="s">
        <v>23</v>
      </c>
      <c r="C11" s="124"/>
      <c r="D11" s="73"/>
      <c r="E11" s="124"/>
      <c r="F11" s="73"/>
      <c r="G11" s="73"/>
      <c r="H11" s="126"/>
      <c r="J11" s="127"/>
      <c r="K11" s="127"/>
      <c r="L11" s="127"/>
      <c r="M11" s="127"/>
    </row>
    <row r="12" spans="1:13" s="15" customFormat="1">
      <c r="B12" s="28" t="s">
        <v>1</v>
      </c>
      <c r="C12" s="124">
        <v>2800</v>
      </c>
      <c r="D12" s="73">
        <v>279</v>
      </c>
      <c r="E12" s="124">
        <v>1599</v>
      </c>
      <c r="F12" s="73">
        <v>13</v>
      </c>
      <c r="G12" s="73">
        <v>467.1</v>
      </c>
      <c r="H12" s="126">
        <v>28.976426799007442</v>
      </c>
      <c r="J12" s="127"/>
      <c r="K12" s="127"/>
      <c r="L12" s="127"/>
      <c r="M12" s="127"/>
    </row>
    <row r="13" spans="1:13" s="15" customFormat="1">
      <c r="B13" s="28" t="s">
        <v>2</v>
      </c>
      <c r="C13" s="124">
        <v>18065.7</v>
      </c>
      <c r="D13" s="73">
        <v>2492.1</v>
      </c>
      <c r="E13" s="124">
        <v>17060.3</v>
      </c>
      <c r="F13" s="73">
        <v>684.4</v>
      </c>
      <c r="G13" s="73">
        <v>17255.3</v>
      </c>
      <c r="H13" s="126">
        <v>97.241993383939985</v>
      </c>
      <c r="J13" s="127"/>
      <c r="K13" s="127"/>
      <c r="L13" s="127"/>
      <c r="M13" s="127"/>
    </row>
    <row r="14" spans="1:13" s="15" customFormat="1">
      <c r="B14" s="28" t="s">
        <v>14</v>
      </c>
      <c r="C14" s="124">
        <v>26325.7</v>
      </c>
      <c r="D14" s="73">
        <v>7049.3</v>
      </c>
      <c r="E14" s="124">
        <v>22038.7</v>
      </c>
      <c r="F14" s="73">
        <v>1930.5</v>
      </c>
      <c r="G14" s="73">
        <v>16157</v>
      </c>
      <c r="H14" s="126">
        <v>67.407339418920941</v>
      </c>
      <c r="J14" s="127"/>
      <c r="K14" s="127"/>
      <c r="L14" s="127"/>
      <c r="M14" s="127"/>
    </row>
    <row r="15" spans="1:13" s="15" customFormat="1">
      <c r="B15" s="28" t="s">
        <v>15</v>
      </c>
      <c r="C15" s="124">
        <v>10302.5</v>
      </c>
      <c r="D15" s="73">
        <v>491.9</v>
      </c>
      <c r="E15" s="124">
        <v>10302.5</v>
      </c>
      <c r="F15" s="73">
        <v>219.1</v>
      </c>
      <c r="G15" s="73">
        <v>3456.9</v>
      </c>
      <c r="H15" s="126">
        <v>32.855269160583937</v>
      </c>
      <c r="J15" s="127"/>
      <c r="K15" s="127"/>
      <c r="L15" s="127"/>
      <c r="M15" s="127"/>
    </row>
    <row r="16" spans="1:13" s="15" customFormat="1">
      <c r="B16" s="28" t="s">
        <v>6</v>
      </c>
      <c r="C16" s="124">
        <v>297.8</v>
      </c>
      <c r="D16" s="73">
        <v>7.7</v>
      </c>
      <c r="E16" s="124">
        <v>289.89999999999998</v>
      </c>
      <c r="F16" s="73">
        <v>2.8</v>
      </c>
      <c r="G16" s="73">
        <v>386.5</v>
      </c>
      <c r="H16" s="126">
        <v>132.04646395626924</v>
      </c>
      <c r="J16" s="127"/>
      <c r="K16" s="127"/>
      <c r="L16" s="127"/>
      <c r="M16" s="127"/>
    </row>
    <row r="17" spans="2:15" s="15" customFormat="1">
      <c r="B17" s="28" t="s">
        <v>16</v>
      </c>
      <c r="C17" s="124">
        <v>862.9</v>
      </c>
      <c r="D17" s="73"/>
      <c r="E17" s="124">
        <v>862.9</v>
      </c>
      <c r="F17" s="73"/>
      <c r="G17" s="73">
        <v>1294.3</v>
      </c>
      <c r="H17" s="126">
        <v>149.99420558581528</v>
      </c>
      <c r="J17" s="127"/>
      <c r="K17" s="127"/>
      <c r="L17" s="127"/>
      <c r="M17" s="127"/>
    </row>
    <row r="18" spans="2:15" s="15" customFormat="1">
      <c r="B18" s="28" t="s">
        <v>115</v>
      </c>
      <c r="C18" s="124">
        <v>39.299999999999997</v>
      </c>
      <c r="D18" s="73"/>
      <c r="E18" s="124">
        <v>39.299999999999997</v>
      </c>
      <c r="F18" s="73"/>
      <c r="G18" s="73">
        <v>39.299999999999997</v>
      </c>
      <c r="H18" s="126">
        <v>100</v>
      </c>
      <c r="J18" s="127"/>
      <c r="K18" s="127"/>
      <c r="L18" s="127"/>
      <c r="M18" s="127"/>
    </row>
    <row r="19" spans="2:15" s="15" customFormat="1">
      <c r="B19" s="28" t="s">
        <v>7</v>
      </c>
      <c r="C19" s="124">
        <v>1722.7</v>
      </c>
      <c r="D19" s="73"/>
      <c r="E19" s="124">
        <v>1722.7</v>
      </c>
      <c r="F19" s="73"/>
      <c r="G19" s="73">
        <v>1722.7</v>
      </c>
      <c r="H19" s="126">
        <v>100</v>
      </c>
      <c r="J19" s="238"/>
      <c r="K19" s="127"/>
      <c r="L19" s="127"/>
      <c r="M19" s="127"/>
    </row>
    <row r="20" spans="2:15" s="15" customFormat="1">
      <c r="B20" s="30" t="s">
        <v>3</v>
      </c>
      <c r="C20" s="253">
        <v>10391.200000000001</v>
      </c>
      <c r="D20" s="84"/>
      <c r="E20" s="253">
        <v>10388.700000000001</v>
      </c>
      <c r="F20" s="84"/>
      <c r="G20" s="84">
        <v>7609.4</v>
      </c>
      <c r="H20" s="254">
        <v>73.246893259021817</v>
      </c>
      <c r="J20" s="238"/>
      <c r="K20" s="127"/>
      <c r="L20" s="127"/>
      <c r="M20" s="127"/>
    </row>
    <row r="21" spans="2:15" s="19" customFormat="1">
      <c r="B21" s="31" t="s">
        <v>0</v>
      </c>
      <c r="C21" s="129">
        <v>73902.600000000006</v>
      </c>
      <c r="D21" s="129">
        <v>10335</v>
      </c>
      <c r="E21" s="129">
        <v>67663.199999999997</v>
      </c>
      <c r="F21" s="129">
        <v>2864.8</v>
      </c>
      <c r="G21" s="133">
        <v>49157.900000000009</v>
      </c>
      <c r="H21" s="130">
        <v>69.699835526315795</v>
      </c>
      <c r="J21" s="238"/>
      <c r="K21" s="127"/>
      <c r="L21" s="127"/>
      <c r="M21" s="127"/>
      <c r="N21" s="15"/>
    </row>
    <row r="22" spans="2:15" s="15" customFormat="1">
      <c r="B22" s="131"/>
      <c r="E22" s="127"/>
      <c r="J22" s="239"/>
    </row>
    <row r="23" spans="2:15" s="15" customFormat="1">
      <c r="B23" s="32"/>
    </row>
    <row r="24" spans="2:15">
      <c r="K24" s="15"/>
      <c r="L24" s="15"/>
      <c r="M24" s="15"/>
      <c r="N24" s="15"/>
    </row>
    <row r="25" spans="2:15" ht="18.75" customHeight="1">
      <c r="B25" s="330" t="s">
        <v>74</v>
      </c>
      <c r="C25" s="332" t="s">
        <v>18</v>
      </c>
      <c r="D25" s="332"/>
      <c r="E25" s="332" t="s">
        <v>19</v>
      </c>
      <c r="F25" s="332"/>
      <c r="G25" s="333" t="s">
        <v>156</v>
      </c>
      <c r="H25" s="333" t="s">
        <v>143</v>
      </c>
      <c r="K25" s="15"/>
      <c r="L25" s="15"/>
      <c r="M25" s="15"/>
      <c r="N25" s="15"/>
    </row>
    <row r="26" spans="2:15" ht="30" customHeight="1">
      <c r="B26" s="331"/>
      <c r="C26" s="123" t="s">
        <v>20</v>
      </c>
      <c r="D26" s="123" t="s">
        <v>21</v>
      </c>
      <c r="E26" s="123" t="s">
        <v>20</v>
      </c>
      <c r="F26" s="123" t="s">
        <v>21</v>
      </c>
      <c r="G26" s="334"/>
      <c r="H26" s="336"/>
    </row>
    <row r="27" spans="2:15">
      <c r="B27" s="28" t="s">
        <v>11</v>
      </c>
      <c r="C27" s="124">
        <v>253422</v>
      </c>
      <c r="D27" s="73">
        <v>11490</v>
      </c>
      <c r="E27" s="124">
        <v>256088</v>
      </c>
      <c r="F27" s="73">
        <v>5963</v>
      </c>
      <c r="G27" s="125">
        <v>1600.21086896</v>
      </c>
      <c r="H27" s="126">
        <v>0.61064864051654066</v>
      </c>
      <c r="J27" s="127"/>
      <c r="K27" s="128"/>
      <c r="L27" s="127"/>
      <c r="M27" s="127"/>
      <c r="N27" s="127"/>
      <c r="O27" s="15"/>
    </row>
    <row r="28" spans="2:15">
      <c r="B28" s="28" t="s">
        <v>12</v>
      </c>
      <c r="C28" s="124">
        <v>61534</v>
      </c>
      <c r="D28" s="73">
        <v>21506</v>
      </c>
      <c r="E28" s="124">
        <v>62203</v>
      </c>
      <c r="F28" s="73">
        <v>6329</v>
      </c>
      <c r="G28" s="73">
        <v>51.415997991999994</v>
      </c>
      <c r="H28" s="126">
        <v>7.5024803000058357E-2</v>
      </c>
      <c r="J28" s="127"/>
      <c r="K28" s="128"/>
      <c r="L28" s="127"/>
      <c r="M28" s="127"/>
      <c r="N28" s="127"/>
      <c r="O28" s="15"/>
    </row>
    <row r="29" spans="2:15">
      <c r="B29" s="28" t="s">
        <v>13</v>
      </c>
      <c r="C29" s="124">
        <v>2209</v>
      </c>
      <c r="D29" s="73">
        <v>11</v>
      </c>
      <c r="E29" s="124">
        <v>2208</v>
      </c>
      <c r="F29" s="73">
        <v>6</v>
      </c>
      <c r="G29" s="73">
        <v>29.259203708999998</v>
      </c>
      <c r="H29" s="126">
        <v>1.3215539163956638</v>
      </c>
      <c r="J29" s="127"/>
      <c r="K29" s="128"/>
      <c r="L29" s="127"/>
      <c r="M29" s="127"/>
      <c r="N29" s="127"/>
      <c r="O29" s="15"/>
    </row>
    <row r="30" spans="2:15">
      <c r="B30" s="28" t="s">
        <v>22</v>
      </c>
      <c r="C30" s="124">
        <v>1</v>
      </c>
      <c r="D30" s="73">
        <v>10</v>
      </c>
      <c r="E30" s="124">
        <v>6</v>
      </c>
      <c r="F30" s="73">
        <v>3</v>
      </c>
      <c r="G30" s="73"/>
      <c r="H30" s="126">
        <v>0</v>
      </c>
      <c r="J30" s="127"/>
      <c r="K30" s="128"/>
      <c r="L30" s="127"/>
      <c r="M30" s="127"/>
      <c r="N30" s="127"/>
      <c r="O30" s="15"/>
    </row>
    <row r="31" spans="2:15">
      <c r="B31" s="28" t="s">
        <v>23</v>
      </c>
      <c r="C31" s="124">
        <v>194</v>
      </c>
      <c r="D31" s="73"/>
      <c r="E31" s="124">
        <v>194</v>
      </c>
      <c r="F31" s="73"/>
      <c r="G31" s="73"/>
      <c r="H31" s="126">
        <v>0</v>
      </c>
      <c r="J31" s="127"/>
      <c r="K31" s="128"/>
      <c r="L31" s="127"/>
      <c r="M31" s="127"/>
      <c r="N31" s="127"/>
      <c r="O31" s="15"/>
    </row>
    <row r="32" spans="2:15" s="15" customFormat="1">
      <c r="B32" s="28" t="s">
        <v>1</v>
      </c>
      <c r="C32" s="124">
        <v>3007</v>
      </c>
      <c r="D32" s="73">
        <v>189</v>
      </c>
      <c r="E32" s="124">
        <v>1882</v>
      </c>
      <c r="F32" s="73">
        <v>55</v>
      </c>
      <c r="G32" s="73">
        <v>980.76544635100004</v>
      </c>
      <c r="H32" s="126">
        <v>50.633218706814667</v>
      </c>
      <c r="J32" s="127"/>
      <c r="K32" s="127"/>
      <c r="L32" s="127"/>
      <c r="M32" s="127"/>
      <c r="N32" s="127"/>
    </row>
    <row r="33" spans="2:15" s="15" customFormat="1">
      <c r="B33" s="28" t="s">
        <v>2</v>
      </c>
      <c r="C33" s="124">
        <v>16278</v>
      </c>
      <c r="D33" s="73">
        <v>2597</v>
      </c>
      <c r="E33" s="124">
        <v>14928</v>
      </c>
      <c r="F33" s="73">
        <v>780</v>
      </c>
      <c r="G33" s="73">
        <v>16114.529621096</v>
      </c>
      <c r="H33" s="126">
        <v>102.5880418964604</v>
      </c>
      <c r="J33" s="127"/>
      <c r="K33" s="127"/>
      <c r="L33" s="127"/>
      <c r="M33" s="127"/>
      <c r="N33" s="127"/>
    </row>
    <row r="34" spans="2:15" s="15" customFormat="1">
      <c r="B34" s="28" t="s">
        <v>14</v>
      </c>
      <c r="C34" s="124">
        <v>24000</v>
      </c>
      <c r="D34" s="73">
        <v>6984</v>
      </c>
      <c r="E34" s="124">
        <v>22980</v>
      </c>
      <c r="F34" s="73">
        <v>2770</v>
      </c>
      <c r="G34" s="73">
        <v>16172.865327398102</v>
      </c>
      <c r="H34" s="126">
        <v>62.807243989895547</v>
      </c>
      <c r="J34" s="127"/>
      <c r="K34" s="127"/>
      <c r="L34" s="127"/>
      <c r="M34" s="127"/>
      <c r="N34" s="127"/>
    </row>
    <row r="35" spans="2:15" s="15" customFormat="1">
      <c r="B35" s="28" t="s">
        <v>15</v>
      </c>
      <c r="C35" s="124">
        <v>11240</v>
      </c>
      <c r="D35" s="73">
        <v>587</v>
      </c>
      <c r="E35" s="124">
        <v>11240</v>
      </c>
      <c r="F35" s="73">
        <v>272</v>
      </c>
      <c r="G35" s="73">
        <v>3802.691081285001</v>
      </c>
      <c r="H35" s="126">
        <v>33.03241036557506</v>
      </c>
      <c r="J35" s="127"/>
      <c r="K35" s="127"/>
      <c r="L35" s="127"/>
      <c r="M35" s="127"/>
      <c r="N35" s="127"/>
    </row>
    <row r="36" spans="2:15" s="15" customFormat="1">
      <c r="B36" s="28" t="s">
        <v>6</v>
      </c>
      <c r="C36" s="124">
        <v>280</v>
      </c>
      <c r="D36" s="73">
        <v>11</v>
      </c>
      <c r="E36" s="124">
        <v>280</v>
      </c>
      <c r="F36" s="73">
        <v>6</v>
      </c>
      <c r="G36" s="73">
        <v>384.40013518499995</v>
      </c>
      <c r="H36" s="126">
        <v>134.4056416730769</v>
      </c>
      <c r="J36" s="127"/>
      <c r="K36" s="127"/>
      <c r="L36" s="127"/>
      <c r="M36" s="127"/>
      <c r="N36" s="127"/>
    </row>
    <row r="37" spans="2:15" s="15" customFormat="1">
      <c r="B37" s="28" t="s">
        <v>16</v>
      </c>
      <c r="C37" s="124">
        <v>985</v>
      </c>
      <c r="D37" s="73"/>
      <c r="E37" s="124">
        <v>985</v>
      </c>
      <c r="F37" s="73"/>
      <c r="G37" s="73">
        <v>1477.4690571470001</v>
      </c>
      <c r="H37" s="126">
        <v>149.99685859360409</v>
      </c>
      <c r="J37" s="127"/>
      <c r="K37" s="127"/>
      <c r="L37" s="127"/>
      <c r="M37" s="127"/>
      <c r="N37" s="127"/>
    </row>
    <row r="38" spans="2:15" s="15" customFormat="1">
      <c r="B38" s="28" t="s">
        <v>115</v>
      </c>
      <c r="C38" s="124">
        <v>66</v>
      </c>
      <c r="D38" s="73"/>
      <c r="E38" s="124">
        <v>66</v>
      </c>
      <c r="F38" s="73"/>
      <c r="G38" s="73">
        <v>65.904034181</v>
      </c>
      <c r="H38" s="126">
        <v>100</v>
      </c>
      <c r="J38" s="127"/>
      <c r="K38" s="127"/>
      <c r="L38" s="127"/>
      <c r="M38" s="127"/>
      <c r="N38" s="127"/>
    </row>
    <row r="39" spans="2:15" s="15" customFormat="1">
      <c r="B39" s="28" t="s">
        <v>7</v>
      </c>
      <c r="C39" s="124">
        <v>2119</v>
      </c>
      <c r="D39" s="73"/>
      <c r="E39" s="124">
        <v>2243</v>
      </c>
      <c r="F39" s="73"/>
      <c r="G39" s="73">
        <v>2119</v>
      </c>
      <c r="H39" s="126">
        <v>94.471689701292917</v>
      </c>
      <c r="J39" s="127"/>
      <c r="K39" s="127"/>
      <c r="L39" s="127"/>
      <c r="M39" s="127"/>
      <c r="N39" s="127"/>
    </row>
    <row r="40" spans="2:15" s="15" customFormat="1">
      <c r="B40" s="30" t="s">
        <v>3</v>
      </c>
      <c r="C40" s="253">
        <v>11456</v>
      </c>
      <c r="D40" s="84"/>
      <c r="E40" s="253">
        <v>11488</v>
      </c>
      <c r="F40" s="84"/>
      <c r="G40" s="84">
        <v>8879</v>
      </c>
      <c r="H40" s="254">
        <v>77.289345403899716</v>
      </c>
      <c r="J40" s="127"/>
      <c r="K40" s="127"/>
      <c r="L40" s="127"/>
      <c r="M40" s="127"/>
      <c r="N40" s="127"/>
    </row>
    <row r="41" spans="2:15" s="15" customFormat="1">
      <c r="B41" s="31" t="s">
        <v>0</v>
      </c>
      <c r="C41" s="129">
        <v>386791</v>
      </c>
      <c r="D41" s="129">
        <v>43385</v>
      </c>
      <c r="E41" s="129">
        <v>386791</v>
      </c>
      <c r="F41" s="129">
        <v>16184</v>
      </c>
      <c r="G41" s="133">
        <v>51677.510773304108</v>
      </c>
      <c r="H41" s="130">
        <v>12.823999199281372</v>
      </c>
      <c r="J41" s="127"/>
      <c r="K41" s="127"/>
      <c r="L41" s="127"/>
      <c r="M41" s="127"/>
      <c r="N41" s="127"/>
      <c r="O41" s="19"/>
    </row>
    <row r="42" spans="2:15" s="15" customFormat="1">
      <c r="B42" s="242"/>
      <c r="E42" s="127"/>
      <c r="G42" s="127"/>
      <c r="K42" s="127"/>
      <c r="L42" s="127"/>
      <c r="N42" s="127"/>
    </row>
    <row r="43" spans="2:15" s="15" customFormat="1">
      <c r="B43" s="310"/>
      <c r="E43" s="127"/>
      <c r="G43" s="127"/>
      <c r="K43" s="127"/>
      <c r="L43" s="127"/>
      <c r="N43" s="127"/>
    </row>
    <row r="44" spans="2:15" ht="32.450000000000003" customHeight="1">
      <c r="B44" s="335" t="s">
        <v>338</v>
      </c>
      <c r="C44" s="335"/>
      <c r="D44" s="335"/>
      <c r="E44" s="335"/>
      <c r="F44" s="335"/>
      <c r="G44" s="335"/>
      <c r="H44" s="335"/>
      <c r="L44" s="127"/>
    </row>
    <row r="45" spans="2:15">
      <c r="B45" s="32"/>
      <c r="C45" s="15"/>
      <c r="D45" s="15"/>
      <c r="E45" s="15"/>
      <c r="F45" s="15"/>
      <c r="L45" s="127"/>
    </row>
  </sheetData>
  <mergeCells count="11">
    <mergeCell ref="B5:B6"/>
    <mergeCell ref="B25:B26"/>
    <mergeCell ref="C25:D25"/>
    <mergeCell ref="E25:F25"/>
    <mergeCell ref="G5:G6"/>
    <mergeCell ref="B44:H44"/>
    <mergeCell ref="H5:H6"/>
    <mergeCell ref="G25:G26"/>
    <mergeCell ref="H25:H26"/>
    <mergeCell ref="C5:D5"/>
    <mergeCell ref="E5:F5"/>
  </mergeCells>
  <pageMargins left="0.70866141732283472" right="0.70866141732283472" top="0.74803149606299213" bottom="0.74803149606299213" header="0.31496062992125984" footer="0.31496062992125984"/>
  <pageSetup paperSize="9" scale="80" orientation="landscape" r:id="rId1"/>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AC48"/>
  <sheetViews>
    <sheetView zoomScale="90" zoomScaleNormal="90" workbookViewId="0"/>
  </sheetViews>
  <sheetFormatPr defaultRowHeight="12.75"/>
  <cols>
    <col min="1" max="1" width="7.7109375" style="14" customWidth="1"/>
    <col min="2" max="2" width="45.7109375" style="132" customWidth="1"/>
    <col min="3" max="12" width="12" style="14" customWidth="1"/>
    <col min="13" max="13" width="15.85546875" style="14" customWidth="1"/>
    <col min="14" max="14" width="14.5703125" style="14" bestFit="1" customWidth="1"/>
    <col min="15" max="17" width="9.140625" style="14"/>
    <col min="18" max="18" width="12" style="14" customWidth="1"/>
    <col min="19" max="16384" width="9.140625" style="14"/>
  </cols>
  <sheetData>
    <row r="1" spans="1:29">
      <c r="A1" s="13"/>
      <c r="B1" s="13" t="s">
        <v>325</v>
      </c>
    </row>
    <row r="2" spans="1:29">
      <c r="B2" s="14"/>
    </row>
    <row r="3" spans="1:29">
      <c r="A3" s="18"/>
      <c r="B3" s="40" t="s">
        <v>76</v>
      </c>
    </row>
    <row r="4" spans="1:29">
      <c r="B4" s="21"/>
      <c r="C4" s="22"/>
      <c r="D4" s="22"/>
      <c r="E4" s="22"/>
      <c r="F4" s="22"/>
      <c r="G4" s="22"/>
      <c r="H4" s="22"/>
      <c r="I4" s="22"/>
      <c r="J4" s="22"/>
      <c r="K4" s="22"/>
      <c r="L4" s="22"/>
      <c r="M4" s="22"/>
      <c r="N4" s="22"/>
    </row>
    <row r="5" spans="1:29" ht="32.25" customHeight="1">
      <c r="A5" s="16"/>
      <c r="B5" s="134" t="s">
        <v>321</v>
      </c>
      <c r="C5" s="338" t="s">
        <v>5</v>
      </c>
      <c r="D5" s="339"/>
      <c r="E5" s="339"/>
      <c r="F5" s="339"/>
      <c r="G5" s="339"/>
      <c r="H5" s="339"/>
      <c r="I5" s="339"/>
      <c r="J5" s="339"/>
      <c r="K5" s="339"/>
      <c r="L5" s="135"/>
      <c r="M5" s="332" t="s">
        <v>322</v>
      </c>
      <c r="N5" s="136"/>
    </row>
    <row r="6" spans="1:29" s="40" customFormat="1" ht="29.25" customHeight="1">
      <c r="A6" s="137"/>
      <c r="B6" s="138"/>
      <c r="C6" s="139">
        <v>0</v>
      </c>
      <c r="D6" s="139">
        <v>0.2</v>
      </c>
      <c r="E6" s="139">
        <v>0.35</v>
      </c>
      <c r="F6" s="139">
        <v>0.5</v>
      </c>
      <c r="G6" s="139">
        <v>0.75</v>
      </c>
      <c r="H6" s="139">
        <v>1</v>
      </c>
      <c r="I6" s="139">
        <v>1.5</v>
      </c>
      <c r="J6" s="139">
        <v>2.5</v>
      </c>
      <c r="K6" s="139" t="s">
        <v>24</v>
      </c>
      <c r="L6" s="26" t="s">
        <v>25</v>
      </c>
      <c r="M6" s="340"/>
      <c r="N6" s="123" t="s">
        <v>84</v>
      </c>
    </row>
    <row r="7" spans="1:29" s="15" customFormat="1">
      <c r="A7" s="16"/>
      <c r="B7" s="28" t="s">
        <v>11</v>
      </c>
      <c r="C7" s="140">
        <v>2057.4</v>
      </c>
      <c r="D7" s="140"/>
      <c r="E7" s="140"/>
      <c r="F7" s="140"/>
      <c r="G7" s="140"/>
      <c r="H7" s="140">
        <v>762.6</v>
      </c>
      <c r="I7" s="140"/>
      <c r="J7" s="140"/>
      <c r="K7" s="140"/>
      <c r="L7" s="140"/>
      <c r="M7" s="140">
        <v>2820</v>
      </c>
      <c r="N7" s="127"/>
      <c r="O7" s="40"/>
      <c r="Q7" s="127"/>
      <c r="R7" s="40"/>
      <c r="S7" s="127"/>
      <c r="T7" s="127"/>
      <c r="U7" s="127"/>
      <c r="V7" s="127"/>
      <c r="W7" s="127"/>
      <c r="X7" s="127"/>
      <c r="Y7" s="127"/>
      <c r="Z7" s="127"/>
      <c r="AA7" s="127"/>
      <c r="AB7" s="127"/>
    </row>
    <row r="8" spans="1:29" s="15" customFormat="1">
      <c r="A8" s="16"/>
      <c r="B8" s="28" t="s">
        <v>12</v>
      </c>
      <c r="C8" s="140">
        <v>540.70000000000005</v>
      </c>
      <c r="D8" s="140"/>
      <c r="E8" s="140"/>
      <c r="F8" s="140"/>
      <c r="G8" s="140"/>
      <c r="H8" s="140"/>
      <c r="I8" s="140"/>
      <c r="J8" s="140"/>
      <c r="K8" s="140"/>
      <c r="L8" s="140"/>
      <c r="M8" s="140">
        <v>540.70000000000005</v>
      </c>
      <c r="N8" s="127"/>
      <c r="O8" s="40"/>
      <c r="Q8" s="127"/>
      <c r="R8" s="40"/>
      <c r="S8" s="127"/>
      <c r="T8" s="127"/>
      <c r="U8" s="127"/>
      <c r="V8" s="127"/>
      <c r="W8" s="127"/>
      <c r="X8" s="127"/>
      <c r="Y8" s="127"/>
      <c r="Z8" s="127"/>
      <c r="AA8" s="127"/>
      <c r="AB8" s="127"/>
    </row>
    <row r="9" spans="1:29" s="15" customFormat="1">
      <c r="A9" s="16"/>
      <c r="B9" s="28" t="s">
        <v>13</v>
      </c>
      <c r="C9" s="140"/>
      <c r="D9" s="140"/>
      <c r="E9" s="140"/>
      <c r="F9" s="140">
        <v>13.5</v>
      </c>
      <c r="G9" s="140"/>
      <c r="H9" s="140"/>
      <c r="I9" s="140"/>
      <c r="J9" s="140"/>
      <c r="K9" s="140"/>
      <c r="L9" s="140"/>
      <c r="M9" s="140">
        <v>13.5</v>
      </c>
      <c r="N9" s="127"/>
      <c r="O9" s="40"/>
      <c r="Q9" s="127"/>
      <c r="R9" s="40"/>
      <c r="S9" s="127"/>
      <c r="T9" s="127"/>
      <c r="U9" s="127"/>
      <c r="V9" s="127"/>
      <c r="W9" s="127"/>
      <c r="X9" s="127"/>
      <c r="Y9" s="127"/>
      <c r="Z9" s="127"/>
      <c r="AA9" s="127"/>
      <c r="AB9" s="127"/>
    </row>
    <row r="10" spans="1:29" s="15" customFormat="1">
      <c r="A10" s="16"/>
      <c r="B10" s="28" t="s">
        <v>22</v>
      </c>
      <c r="C10" s="140"/>
      <c r="D10" s="140"/>
      <c r="E10" s="140"/>
      <c r="F10" s="140"/>
      <c r="G10" s="140"/>
      <c r="H10" s="140"/>
      <c r="I10" s="140"/>
      <c r="J10" s="140"/>
      <c r="K10" s="140"/>
      <c r="L10" s="140"/>
      <c r="M10" s="140">
        <v>0</v>
      </c>
      <c r="N10" s="127"/>
      <c r="O10" s="40"/>
      <c r="R10" s="40"/>
      <c r="S10" s="127"/>
      <c r="T10" s="127"/>
      <c r="U10" s="127"/>
      <c r="V10" s="127"/>
      <c r="W10" s="127"/>
      <c r="X10" s="127"/>
      <c r="Y10" s="127"/>
      <c r="Z10" s="127"/>
      <c r="AA10" s="127"/>
      <c r="AB10" s="127"/>
    </row>
    <row r="11" spans="1:29" s="15" customFormat="1">
      <c r="A11" s="16"/>
      <c r="B11" s="28" t="s">
        <v>23</v>
      </c>
      <c r="C11" s="140"/>
      <c r="D11" s="140"/>
      <c r="E11" s="140"/>
      <c r="F11" s="140"/>
      <c r="G11" s="140"/>
      <c r="H11" s="140"/>
      <c r="I11" s="140"/>
      <c r="J11" s="140"/>
      <c r="K11" s="140"/>
      <c r="L11" s="140"/>
      <c r="M11" s="140">
        <v>0</v>
      </c>
      <c r="N11" s="127"/>
      <c r="O11" s="40"/>
      <c r="R11" s="40"/>
      <c r="S11" s="127"/>
      <c r="T11" s="127"/>
      <c r="U11" s="127"/>
      <c r="V11" s="127"/>
      <c r="W11" s="127"/>
      <c r="X11" s="127"/>
      <c r="Y11" s="127"/>
      <c r="Z11" s="127"/>
      <c r="AA11" s="127"/>
      <c r="AB11" s="127"/>
    </row>
    <row r="12" spans="1:29" s="15" customFormat="1">
      <c r="A12" s="16"/>
      <c r="B12" s="28" t="s">
        <v>1</v>
      </c>
      <c r="C12" s="140"/>
      <c r="D12" s="140">
        <v>1421.9</v>
      </c>
      <c r="E12" s="140"/>
      <c r="F12" s="140">
        <v>14.5</v>
      </c>
      <c r="G12" s="140"/>
      <c r="H12" s="140">
        <v>175.5</v>
      </c>
      <c r="I12" s="140"/>
      <c r="J12" s="140"/>
      <c r="K12" s="140"/>
      <c r="L12" s="140"/>
      <c r="M12" s="140">
        <v>1611.9</v>
      </c>
      <c r="N12" s="127">
        <v>1504.9887449969999</v>
      </c>
      <c r="O12" s="40"/>
      <c r="R12" s="40"/>
      <c r="S12" s="127"/>
      <c r="T12" s="127"/>
      <c r="U12" s="127"/>
      <c r="V12" s="127"/>
      <c r="W12" s="127"/>
      <c r="X12" s="127"/>
      <c r="Y12" s="127"/>
      <c r="Z12" s="127"/>
      <c r="AA12" s="127"/>
      <c r="AB12" s="127"/>
      <c r="AC12" s="127"/>
    </row>
    <row r="13" spans="1:29" s="15" customFormat="1">
      <c r="A13" s="16"/>
      <c r="B13" s="28" t="s">
        <v>2</v>
      </c>
      <c r="C13" s="140"/>
      <c r="D13" s="140">
        <v>563.9</v>
      </c>
      <c r="E13" s="140"/>
      <c r="F13" s="140">
        <v>65.7</v>
      </c>
      <c r="G13" s="140"/>
      <c r="H13" s="140">
        <v>17112.099999999999</v>
      </c>
      <c r="I13" s="140">
        <v>3</v>
      </c>
      <c r="J13" s="140"/>
      <c r="K13" s="140"/>
      <c r="L13" s="140"/>
      <c r="M13" s="140">
        <v>17744.699999999997</v>
      </c>
      <c r="N13" s="127">
        <v>16422.855141254</v>
      </c>
      <c r="O13" s="40"/>
      <c r="R13" s="40"/>
      <c r="S13" s="127"/>
      <c r="T13" s="127"/>
      <c r="U13" s="127"/>
      <c r="V13" s="127"/>
      <c r="W13" s="127"/>
      <c r="X13" s="127"/>
      <c r="Y13" s="127"/>
      <c r="Z13" s="127"/>
      <c r="AA13" s="127"/>
      <c r="AB13" s="127"/>
      <c r="AC13" s="127"/>
    </row>
    <row r="14" spans="1:29" s="15" customFormat="1">
      <c r="A14" s="16"/>
      <c r="B14" s="28" t="s">
        <v>14</v>
      </c>
      <c r="C14" s="140"/>
      <c r="D14" s="140"/>
      <c r="E14" s="140"/>
      <c r="F14" s="140"/>
      <c r="G14" s="140">
        <v>23969.200000000001</v>
      </c>
      <c r="H14" s="140"/>
      <c r="I14" s="140"/>
      <c r="J14" s="140"/>
      <c r="K14" s="140"/>
      <c r="L14" s="140"/>
      <c r="M14" s="140">
        <v>23969.200000000001</v>
      </c>
      <c r="N14" s="127">
        <v>23957.711071112997</v>
      </c>
      <c r="O14" s="40"/>
      <c r="Q14" s="127"/>
      <c r="R14" s="40"/>
      <c r="S14" s="127"/>
      <c r="T14" s="127"/>
      <c r="U14" s="127"/>
      <c r="V14" s="127"/>
      <c r="W14" s="127"/>
      <c r="X14" s="127"/>
      <c r="Y14" s="127"/>
      <c r="Z14" s="127"/>
      <c r="AA14" s="127"/>
      <c r="AB14" s="127"/>
      <c r="AC14" s="127"/>
    </row>
    <row r="15" spans="1:29" s="15" customFormat="1">
      <c r="A15" s="16"/>
      <c r="B15" s="28" t="s">
        <v>15</v>
      </c>
      <c r="C15" s="140"/>
      <c r="D15" s="140"/>
      <c r="E15" s="140">
        <v>10521.6</v>
      </c>
      <c r="F15" s="140"/>
      <c r="G15" s="140"/>
      <c r="H15" s="140"/>
      <c r="I15" s="140"/>
      <c r="J15" s="140"/>
      <c r="K15" s="140"/>
      <c r="L15" s="140"/>
      <c r="M15" s="140">
        <v>10521.6</v>
      </c>
      <c r="N15" s="127">
        <v>10521.582385017</v>
      </c>
      <c r="O15" s="40"/>
      <c r="R15" s="19"/>
      <c r="S15" s="127"/>
      <c r="T15" s="127"/>
      <c r="U15" s="127"/>
      <c r="V15" s="127"/>
      <c r="W15" s="127"/>
      <c r="X15" s="127"/>
      <c r="Y15" s="127"/>
      <c r="Z15" s="127"/>
      <c r="AA15" s="127"/>
      <c r="AB15" s="127"/>
      <c r="AC15" s="127"/>
    </row>
    <row r="16" spans="1:29" s="15" customFormat="1">
      <c r="A16" s="16"/>
      <c r="B16" s="28" t="s">
        <v>6</v>
      </c>
      <c r="C16" s="140"/>
      <c r="D16" s="140"/>
      <c r="E16" s="140"/>
      <c r="F16" s="140"/>
      <c r="G16" s="140"/>
      <c r="H16" s="140">
        <v>105.2</v>
      </c>
      <c r="I16" s="140">
        <v>187.5</v>
      </c>
      <c r="J16" s="140"/>
      <c r="K16" s="140"/>
      <c r="L16" s="140"/>
      <c r="M16" s="140">
        <v>292.7</v>
      </c>
      <c r="N16" s="127">
        <v>292.730942556</v>
      </c>
      <c r="O16" s="40"/>
      <c r="R16" s="19"/>
      <c r="S16" s="127"/>
      <c r="T16" s="127"/>
      <c r="U16" s="127"/>
      <c r="V16" s="127"/>
      <c r="W16" s="127"/>
      <c r="X16" s="127"/>
      <c r="Y16" s="127"/>
      <c r="Z16" s="127"/>
      <c r="AA16" s="127"/>
      <c r="AB16" s="127"/>
    </row>
    <row r="17" spans="1:29" s="15" customFormat="1">
      <c r="A17" s="16"/>
      <c r="B17" s="28" t="s">
        <v>16</v>
      </c>
      <c r="C17" s="140"/>
      <c r="D17" s="140"/>
      <c r="E17" s="140"/>
      <c r="F17" s="140"/>
      <c r="G17" s="140"/>
      <c r="H17" s="140"/>
      <c r="I17" s="140">
        <v>862.9</v>
      </c>
      <c r="J17" s="140"/>
      <c r="K17" s="140"/>
      <c r="L17" s="140"/>
      <c r="M17" s="140">
        <v>862.9</v>
      </c>
      <c r="N17" s="127">
        <v>862.86005698099996</v>
      </c>
      <c r="O17" s="40"/>
      <c r="R17" s="19"/>
      <c r="S17" s="127"/>
      <c r="T17" s="127"/>
      <c r="U17" s="127"/>
      <c r="V17" s="127"/>
      <c r="W17" s="127"/>
      <c r="X17" s="127"/>
      <c r="Y17" s="127"/>
      <c r="Z17" s="127"/>
      <c r="AA17" s="127"/>
      <c r="AB17" s="127"/>
    </row>
    <row r="18" spans="1:29" s="19" customFormat="1">
      <c r="A18" s="16"/>
      <c r="B18" s="28" t="s">
        <v>115</v>
      </c>
      <c r="C18" s="140"/>
      <c r="D18" s="140"/>
      <c r="E18" s="140"/>
      <c r="F18" s="140"/>
      <c r="G18" s="140"/>
      <c r="H18" s="140">
        <v>39.299999999999997</v>
      </c>
      <c r="I18" s="140"/>
      <c r="J18" s="140"/>
      <c r="K18" s="140"/>
      <c r="L18" s="140"/>
      <c r="M18" s="140">
        <v>39.299999999999997</v>
      </c>
      <c r="N18" s="127">
        <v>39.318444428999996</v>
      </c>
      <c r="O18" s="40"/>
      <c r="S18" s="127"/>
      <c r="T18" s="127"/>
      <c r="U18" s="127"/>
      <c r="V18" s="127"/>
      <c r="W18" s="127"/>
      <c r="X18" s="127"/>
      <c r="Y18" s="127"/>
      <c r="Z18" s="127"/>
      <c r="AA18" s="127"/>
      <c r="AB18" s="127"/>
    </row>
    <row r="19" spans="1:29" s="15" customFormat="1">
      <c r="A19" s="16"/>
      <c r="B19" s="28" t="s">
        <v>7</v>
      </c>
      <c r="C19" s="140"/>
      <c r="D19" s="140"/>
      <c r="E19" s="140"/>
      <c r="F19" s="140"/>
      <c r="G19" s="140"/>
      <c r="H19" s="140">
        <v>1722.7</v>
      </c>
      <c r="I19" s="140"/>
      <c r="J19" s="140"/>
      <c r="K19" s="140"/>
      <c r="L19" s="140"/>
      <c r="M19" s="140">
        <v>1722.7</v>
      </c>
      <c r="N19" s="127">
        <v>1716.0621449451719</v>
      </c>
      <c r="O19" s="40"/>
      <c r="P19" s="19"/>
      <c r="Q19" s="19"/>
      <c r="R19" s="19"/>
      <c r="S19" s="127"/>
      <c r="T19" s="127"/>
      <c r="U19" s="127"/>
      <c r="V19" s="127"/>
      <c r="W19" s="127"/>
      <c r="X19" s="127"/>
      <c r="Y19" s="127"/>
      <c r="Z19" s="127"/>
      <c r="AA19" s="127"/>
      <c r="AB19" s="127"/>
      <c r="AC19" s="127"/>
    </row>
    <row r="20" spans="1:29" s="15" customFormat="1">
      <c r="A20" s="16"/>
      <c r="B20" s="28" t="s">
        <v>3</v>
      </c>
      <c r="C20" s="140">
        <v>2399.4</v>
      </c>
      <c r="D20" s="140"/>
      <c r="E20" s="140"/>
      <c r="F20" s="140">
        <v>96</v>
      </c>
      <c r="G20" s="140"/>
      <c r="H20" s="140">
        <v>6459.6</v>
      </c>
      <c r="I20" s="140"/>
      <c r="J20" s="140">
        <v>1129.5999999999999</v>
      </c>
      <c r="K20" s="140">
        <v>304</v>
      </c>
      <c r="L20" s="140"/>
      <c r="M20" s="140">
        <v>10388.6</v>
      </c>
      <c r="N20" s="127">
        <v>10388.737287130809</v>
      </c>
      <c r="O20" s="40"/>
      <c r="P20" s="19"/>
      <c r="Q20" s="19"/>
      <c r="R20" s="19"/>
      <c r="S20" s="127"/>
      <c r="T20" s="127"/>
      <c r="U20" s="127"/>
      <c r="V20" s="127"/>
      <c r="W20" s="127"/>
      <c r="X20" s="127"/>
      <c r="Y20" s="127"/>
      <c r="Z20" s="127"/>
      <c r="AA20" s="127"/>
      <c r="AB20" s="127"/>
      <c r="AC20" s="127"/>
    </row>
    <row r="21" spans="1:29" s="15" customFormat="1">
      <c r="A21" s="16"/>
      <c r="B21" s="243" t="s">
        <v>0</v>
      </c>
      <c r="C21" s="244">
        <v>4997.5</v>
      </c>
      <c r="D21" s="244">
        <v>1985.8000000000002</v>
      </c>
      <c r="E21" s="244">
        <v>10521.6</v>
      </c>
      <c r="F21" s="244">
        <v>189.7</v>
      </c>
      <c r="G21" s="244">
        <v>23969.200000000001</v>
      </c>
      <c r="H21" s="244">
        <v>26377</v>
      </c>
      <c r="I21" s="244">
        <v>1053.4000000000001</v>
      </c>
      <c r="J21" s="244">
        <v>1129.5999999999999</v>
      </c>
      <c r="K21" s="244">
        <v>304</v>
      </c>
      <c r="L21" s="244">
        <v>0</v>
      </c>
      <c r="M21" s="244">
        <v>70527.8</v>
      </c>
      <c r="N21" s="244">
        <v>65706.846218422987</v>
      </c>
      <c r="O21" s="40"/>
      <c r="P21" s="58"/>
      <c r="Q21" s="127"/>
      <c r="R21" s="19"/>
      <c r="S21" s="127"/>
      <c r="T21" s="127"/>
      <c r="V21" s="127"/>
      <c r="W21" s="127"/>
      <c r="X21" s="127"/>
      <c r="Y21" s="127"/>
      <c r="AB21" s="127"/>
      <c r="AC21" s="127"/>
    </row>
    <row r="22" spans="1:29" s="15" customFormat="1">
      <c r="A22" s="16"/>
      <c r="B22" s="142"/>
      <c r="C22" s="143"/>
      <c r="D22" s="143"/>
      <c r="E22" s="143"/>
      <c r="F22" s="143"/>
      <c r="G22" s="143"/>
      <c r="H22" s="143"/>
      <c r="I22" s="143"/>
      <c r="J22" s="143"/>
      <c r="K22" s="143"/>
      <c r="L22" s="143"/>
      <c r="M22" s="143"/>
      <c r="N22" s="143"/>
      <c r="O22" s="52"/>
      <c r="P22" s="52"/>
      <c r="R22" s="40"/>
    </row>
    <row r="23" spans="1:29" s="15" customFormat="1">
      <c r="B23" s="32"/>
      <c r="C23" s="127"/>
      <c r="D23" s="127"/>
      <c r="E23" s="127"/>
      <c r="F23" s="127"/>
      <c r="G23" s="127"/>
      <c r="H23" s="127"/>
      <c r="I23" s="127"/>
      <c r="J23" s="127"/>
      <c r="K23" s="127"/>
      <c r="L23" s="127"/>
      <c r="M23" s="127"/>
      <c r="N23" s="127"/>
      <c r="P23" s="52"/>
      <c r="R23" s="40"/>
    </row>
    <row r="24" spans="1:29" s="15" customFormat="1">
      <c r="B24" s="144"/>
      <c r="C24" s="145"/>
      <c r="D24" s="145"/>
      <c r="E24" s="145"/>
      <c r="F24" s="145"/>
      <c r="G24" s="145"/>
      <c r="H24" s="145"/>
      <c r="I24" s="145"/>
      <c r="J24" s="145"/>
      <c r="K24" s="145"/>
      <c r="L24" s="145"/>
      <c r="M24" s="145"/>
      <c r="N24" s="145"/>
      <c r="R24" s="40"/>
    </row>
    <row r="25" spans="1:29" ht="32.25" customHeight="1">
      <c r="A25" s="16"/>
      <c r="B25" s="134" t="s">
        <v>74</v>
      </c>
      <c r="C25" s="338" t="s">
        <v>5</v>
      </c>
      <c r="D25" s="339"/>
      <c r="E25" s="339"/>
      <c r="F25" s="339"/>
      <c r="G25" s="339"/>
      <c r="H25" s="339"/>
      <c r="I25" s="339"/>
      <c r="J25" s="339"/>
      <c r="K25" s="339"/>
      <c r="L25" s="135"/>
      <c r="M25" s="332" t="s">
        <v>322</v>
      </c>
      <c r="N25" s="136"/>
    </row>
    <row r="26" spans="1:29" s="40" customFormat="1" ht="29.25" customHeight="1">
      <c r="A26" s="137"/>
      <c r="B26" s="138" t="s">
        <v>26</v>
      </c>
      <c r="C26" s="139">
        <v>0</v>
      </c>
      <c r="D26" s="139">
        <v>0.2</v>
      </c>
      <c r="E26" s="139">
        <v>0.35</v>
      </c>
      <c r="F26" s="139">
        <v>0.5</v>
      </c>
      <c r="G26" s="139">
        <v>0.75</v>
      </c>
      <c r="H26" s="139">
        <v>1</v>
      </c>
      <c r="I26" s="139">
        <v>1.5</v>
      </c>
      <c r="J26" s="139">
        <v>2.5</v>
      </c>
      <c r="K26" s="139" t="s">
        <v>24</v>
      </c>
      <c r="L26" s="26" t="s">
        <v>25</v>
      </c>
      <c r="M26" s="340"/>
      <c r="N26" s="123" t="s">
        <v>84</v>
      </c>
    </row>
    <row r="27" spans="1:29" s="15" customFormat="1">
      <c r="A27" s="16"/>
      <c r="B27" s="28" t="s">
        <v>11</v>
      </c>
      <c r="C27" s="140">
        <v>258286</v>
      </c>
      <c r="D27" s="140">
        <v>2595</v>
      </c>
      <c r="E27" s="140"/>
      <c r="F27" s="140">
        <v>177.59153796300001</v>
      </c>
      <c r="G27" s="140"/>
      <c r="H27" s="140">
        <v>992</v>
      </c>
      <c r="I27" s="140"/>
      <c r="J27" s="140"/>
      <c r="K27" s="140"/>
      <c r="L27" s="140"/>
      <c r="M27" s="140">
        <v>262050.59153796299</v>
      </c>
      <c r="N27" s="127"/>
      <c r="Q27" s="127"/>
      <c r="R27" s="40"/>
      <c r="S27" s="127"/>
      <c r="AB27" s="127"/>
    </row>
    <row r="28" spans="1:29" s="15" customFormat="1">
      <c r="A28" s="16"/>
      <c r="B28" s="28" t="s">
        <v>12</v>
      </c>
      <c r="C28" s="140">
        <v>68275</v>
      </c>
      <c r="D28" s="140">
        <v>257</v>
      </c>
      <c r="E28" s="140"/>
      <c r="F28" s="140"/>
      <c r="G28" s="140"/>
      <c r="H28" s="140"/>
      <c r="I28" s="140"/>
      <c r="J28" s="140"/>
      <c r="K28" s="140"/>
      <c r="L28" s="140"/>
      <c r="M28" s="140">
        <v>68532</v>
      </c>
      <c r="N28" s="127"/>
      <c r="Q28" s="127"/>
      <c r="R28" s="40"/>
      <c r="AB28" s="127"/>
    </row>
    <row r="29" spans="1:29" s="15" customFormat="1">
      <c r="A29" s="16"/>
      <c r="B29" s="28" t="s">
        <v>13</v>
      </c>
      <c r="C29" s="140">
        <v>2155</v>
      </c>
      <c r="D29" s="140"/>
      <c r="E29" s="140"/>
      <c r="F29" s="140">
        <v>58.518404279000002</v>
      </c>
      <c r="G29" s="140"/>
      <c r="H29" s="140"/>
      <c r="I29" s="140"/>
      <c r="J29" s="140"/>
      <c r="K29" s="140"/>
      <c r="L29" s="140"/>
      <c r="M29" s="140">
        <v>2213.5184042790002</v>
      </c>
      <c r="N29" s="127"/>
      <c r="Q29" s="127"/>
      <c r="R29" s="40"/>
      <c r="AB29" s="127"/>
    </row>
    <row r="30" spans="1:29" s="15" customFormat="1">
      <c r="A30" s="16"/>
      <c r="B30" s="28" t="s">
        <v>22</v>
      </c>
      <c r="C30" s="140">
        <v>9</v>
      </c>
      <c r="D30" s="140"/>
      <c r="E30" s="140"/>
      <c r="F30" s="140"/>
      <c r="G30" s="140"/>
      <c r="H30" s="140"/>
      <c r="I30" s="140"/>
      <c r="J30" s="140"/>
      <c r="K30" s="140"/>
      <c r="L30" s="140"/>
      <c r="M30" s="140">
        <v>9</v>
      </c>
      <c r="N30" s="127"/>
      <c r="R30" s="40"/>
    </row>
    <row r="31" spans="1:29" s="15" customFormat="1">
      <c r="A31" s="16"/>
      <c r="B31" s="28" t="s">
        <v>23</v>
      </c>
      <c r="C31" s="140">
        <v>194</v>
      </c>
      <c r="D31" s="140"/>
      <c r="E31" s="140"/>
      <c r="F31" s="140"/>
      <c r="G31" s="140"/>
      <c r="H31" s="140"/>
      <c r="I31" s="140"/>
      <c r="J31" s="140"/>
      <c r="K31" s="140"/>
      <c r="L31" s="140"/>
      <c r="M31" s="140">
        <v>194</v>
      </c>
      <c r="N31" s="127"/>
      <c r="R31" s="40"/>
    </row>
    <row r="32" spans="1:29" s="15" customFormat="1">
      <c r="A32" s="16"/>
      <c r="B32" s="28" t="s">
        <v>1</v>
      </c>
      <c r="C32" s="140">
        <v>214</v>
      </c>
      <c r="D32" s="140">
        <v>1059</v>
      </c>
      <c r="E32" s="140"/>
      <c r="F32" s="140">
        <v>3.4755075019999997</v>
      </c>
      <c r="G32" s="140"/>
      <c r="H32" s="140">
        <v>661</v>
      </c>
      <c r="I32" s="140"/>
      <c r="J32" s="140"/>
      <c r="K32" s="140"/>
      <c r="L32" s="140"/>
      <c r="M32" s="140">
        <v>1937.475507502</v>
      </c>
      <c r="N32" s="127">
        <v>1730</v>
      </c>
      <c r="R32" s="40"/>
      <c r="S32" s="127"/>
      <c r="AB32" s="127"/>
      <c r="AC32" s="127"/>
    </row>
    <row r="33" spans="1:29" s="15" customFormat="1">
      <c r="A33" s="16"/>
      <c r="B33" s="28" t="s">
        <v>2</v>
      </c>
      <c r="C33" s="140"/>
      <c r="D33" s="140">
        <v>7</v>
      </c>
      <c r="E33" s="140"/>
      <c r="F33" s="140">
        <v>15.143313291</v>
      </c>
      <c r="G33" s="140"/>
      <c r="H33" s="140">
        <v>15683</v>
      </c>
      <c r="I33" s="140">
        <v>3.003528067</v>
      </c>
      <c r="J33" s="140"/>
      <c r="K33" s="140"/>
      <c r="L33" s="140"/>
      <c r="M33" s="140">
        <v>15708.146841358001</v>
      </c>
      <c r="N33" s="127">
        <v>14819</v>
      </c>
      <c r="R33" s="40"/>
      <c r="W33" s="127"/>
      <c r="AB33" s="127"/>
      <c r="AC33" s="127"/>
    </row>
    <row r="34" spans="1:29" s="15" customFormat="1">
      <c r="A34" s="16"/>
      <c r="B34" s="28" t="s">
        <v>14</v>
      </c>
      <c r="C34" s="140"/>
      <c r="D34" s="140"/>
      <c r="E34" s="140"/>
      <c r="F34" s="140"/>
      <c r="G34" s="140">
        <v>25749.939521418</v>
      </c>
      <c r="H34" s="140"/>
      <c r="I34" s="140"/>
      <c r="J34" s="140"/>
      <c r="K34" s="140"/>
      <c r="L34" s="140"/>
      <c r="M34" s="140">
        <v>25749.939521418</v>
      </c>
      <c r="N34" s="127">
        <v>25738</v>
      </c>
      <c r="Q34" s="127"/>
      <c r="R34" s="40"/>
      <c r="V34" s="127"/>
      <c r="AB34" s="127"/>
      <c r="AC34" s="127"/>
    </row>
    <row r="35" spans="1:29" s="15" customFormat="1">
      <c r="A35" s="16"/>
      <c r="B35" s="28" t="s">
        <v>15</v>
      </c>
      <c r="C35" s="140"/>
      <c r="D35" s="140"/>
      <c r="E35" s="140">
        <v>11512.188330655001</v>
      </c>
      <c r="F35" s="140"/>
      <c r="G35" s="140"/>
      <c r="H35" s="140"/>
      <c r="I35" s="140"/>
      <c r="J35" s="140"/>
      <c r="K35" s="140"/>
      <c r="L35" s="140"/>
      <c r="M35" s="140">
        <v>11512.188330655001</v>
      </c>
      <c r="N35" s="127">
        <v>11512</v>
      </c>
      <c r="R35" s="19"/>
      <c r="T35" s="127"/>
      <c r="AB35" s="127"/>
      <c r="AC35" s="127"/>
    </row>
    <row r="36" spans="1:29" s="15" customFormat="1">
      <c r="A36" s="16"/>
      <c r="B36" s="28" t="s">
        <v>6</v>
      </c>
      <c r="C36" s="140"/>
      <c r="D36" s="140"/>
      <c r="E36" s="140"/>
      <c r="F36" s="140"/>
      <c r="G36" s="140"/>
      <c r="H36" s="140">
        <v>87</v>
      </c>
      <c r="I36" s="140">
        <v>197.32407186500001</v>
      </c>
      <c r="J36" s="140"/>
      <c r="K36" s="140"/>
      <c r="L36" s="140"/>
      <c r="M36" s="140">
        <v>284.32407186500001</v>
      </c>
      <c r="N36" s="127">
        <v>286</v>
      </c>
      <c r="R36" s="19"/>
    </row>
    <row r="37" spans="1:29" s="15" customFormat="1">
      <c r="A37" s="16"/>
      <c r="B37" s="29" t="s">
        <v>16</v>
      </c>
      <c r="C37" s="140"/>
      <c r="D37" s="140"/>
      <c r="E37" s="140"/>
      <c r="F37" s="140"/>
      <c r="G37" s="140"/>
      <c r="H37" s="140"/>
      <c r="I37" s="140">
        <v>984.979371431</v>
      </c>
      <c r="J37" s="140"/>
      <c r="K37" s="140"/>
      <c r="L37" s="140"/>
      <c r="M37" s="140">
        <v>984.979371431</v>
      </c>
      <c r="N37" s="127">
        <v>985</v>
      </c>
      <c r="R37" s="19"/>
    </row>
    <row r="38" spans="1:29" s="19" customFormat="1">
      <c r="A38" s="16"/>
      <c r="B38" s="29" t="s">
        <v>115</v>
      </c>
      <c r="C38" s="140"/>
      <c r="D38" s="140"/>
      <c r="E38" s="140"/>
      <c r="F38" s="140"/>
      <c r="G38" s="140"/>
      <c r="H38" s="140">
        <v>66</v>
      </c>
      <c r="I38" s="140"/>
      <c r="J38" s="140"/>
      <c r="K38" s="140"/>
      <c r="L38" s="141"/>
      <c r="M38" s="140">
        <v>66</v>
      </c>
      <c r="N38" s="127">
        <v>66</v>
      </c>
    </row>
    <row r="39" spans="1:29" s="15" customFormat="1">
      <c r="A39" s="16"/>
      <c r="B39" s="28" t="s">
        <v>7</v>
      </c>
      <c r="C39" s="140"/>
      <c r="D39" s="140"/>
      <c r="E39" s="140"/>
      <c r="F39" s="140"/>
      <c r="G39" s="140"/>
      <c r="H39" s="140">
        <v>2242</v>
      </c>
      <c r="I39" s="140"/>
      <c r="J39" s="140"/>
      <c r="K39" s="140"/>
      <c r="L39" s="141"/>
      <c r="M39" s="140">
        <v>2242</v>
      </c>
      <c r="N39" s="127">
        <v>2236</v>
      </c>
      <c r="O39" s="19"/>
      <c r="P39" s="19"/>
      <c r="Q39" s="19"/>
      <c r="R39" s="19"/>
      <c r="S39" s="19"/>
      <c r="T39" s="19"/>
      <c r="W39" s="127"/>
      <c r="Y39" s="127"/>
      <c r="AB39" s="127"/>
      <c r="AC39" s="127"/>
    </row>
    <row r="40" spans="1:29" s="15" customFormat="1">
      <c r="A40" s="16"/>
      <c r="B40" s="30" t="s">
        <v>3</v>
      </c>
      <c r="C40" s="216">
        <v>2049</v>
      </c>
      <c r="D40" s="216">
        <v>151</v>
      </c>
      <c r="E40" s="216"/>
      <c r="F40" s="216">
        <v>370.883186733</v>
      </c>
      <c r="G40" s="216"/>
      <c r="H40" s="216">
        <v>7452.516413884</v>
      </c>
      <c r="I40" s="216"/>
      <c r="J40" s="216">
        <v>1311.8373005209999</v>
      </c>
      <c r="K40" s="216">
        <v>152.7813485530005</v>
      </c>
      <c r="L40" s="240"/>
      <c r="M40" s="216">
        <v>11488.018249691</v>
      </c>
      <c r="N40" s="241">
        <v>11488</v>
      </c>
      <c r="O40" s="19"/>
      <c r="P40" s="19"/>
      <c r="Q40" s="19"/>
      <c r="R40" s="19"/>
      <c r="S40" s="19"/>
      <c r="T40" s="19"/>
      <c r="W40" s="127"/>
      <c r="AB40" s="127"/>
      <c r="AC40" s="127"/>
    </row>
    <row r="41" spans="1:29" s="15" customFormat="1">
      <c r="A41" s="16"/>
      <c r="B41" s="31" t="s">
        <v>0</v>
      </c>
      <c r="C41" s="141">
        <v>331182</v>
      </c>
      <c r="D41" s="141">
        <v>4069</v>
      </c>
      <c r="E41" s="141">
        <v>11512.188330655001</v>
      </c>
      <c r="F41" s="141">
        <v>625.61194976800004</v>
      </c>
      <c r="G41" s="141">
        <v>25749.939521418</v>
      </c>
      <c r="H41" s="141">
        <v>27183.516413884001</v>
      </c>
      <c r="I41" s="141">
        <v>1185.306971363</v>
      </c>
      <c r="J41" s="141">
        <v>1311.8373005209999</v>
      </c>
      <c r="K41" s="141">
        <v>152.7813485530005</v>
      </c>
      <c r="L41" s="141">
        <v>0</v>
      </c>
      <c r="M41" s="141">
        <v>402972.181836162</v>
      </c>
      <c r="N41" s="141">
        <v>68860</v>
      </c>
      <c r="O41" s="58"/>
      <c r="P41" s="58"/>
      <c r="Q41" s="127"/>
      <c r="R41" s="19"/>
      <c r="S41" s="127"/>
      <c r="T41" s="127"/>
      <c r="V41" s="127"/>
      <c r="W41" s="127"/>
      <c r="X41" s="127"/>
      <c r="Y41" s="127"/>
      <c r="AB41" s="127"/>
      <c r="AC41" s="127"/>
    </row>
    <row r="42" spans="1:29" s="15" customFormat="1">
      <c r="A42" s="16"/>
      <c r="B42" s="142"/>
      <c r="C42" s="16"/>
      <c r="D42" s="16"/>
      <c r="E42" s="16"/>
      <c r="F42" s="16"/>
      <c r="G42" s="16"/>
      <c r="H42" s="16"/>
      <c r="I42" s="16"/>
      <c r="J42" s="16"/>
      <c r="K42" s="16"/>
      <c r="L42" s="16"/>
      <c r="M42" s="143"/>
      <c r="N42" s="143"/>
      <c r="O42" s="52"/>
      <c r="P42" s="52"/>
    </row>
    <row r="43" spans="1:29" s="15" customFormat="1">
      <c r="A43" s="16"/>
      <c r="B43" s="142"/>
      <c r="C43" s="16"/>
      <c r="D43" s="16"/>
      <c r="E43" s="16"/>
      <c r="F43" s="16"/>
      <c r="G43" s="16"/>
      <c r="H43" s="16"/>
      <c r="I43" s="16"/>
      <c r="J43" s="16"/>
      <c r="K43" s="16"/>
      <c r="L43" s="16"/>
      <c r="M43" s="143"/>
      <c r="N43" s="143"/>
      <c r="O43" s="52"/>
      <c r="P43" s="52"/>
    </row>
    <row r="44" spans="1:29" s="15" customFormat="1">
      <c r="A44" s="16"/>
      <c r="B44" s="142"/>
      <c r="C44" s="16"/>
      <c r="D44" s="16"/>
      <c r="E44" s="16"/>
      <c r="F44" s="16"/>
      <c r="G44" s="16"/>
      <c r="H44" s="16"/>
      <c r="I44" s="16"/>
      <c r="J44" s="16"/>
      <c r="K44" s="16"/>
      <c r="L44" s="16"/>
      <c r="M44" s="143"/>
      <c r="N44" s="143"/>
      <c r="O44" s="52"/>
      <c r="P44" s="52"/>
    </row>
    <row r="45" spans="1:29" ht="21.75" customHeight="1">
      <c r="B45" s="337" t="s">
        <v>339</v>
      </c>
      <c r="C45" s="337"/>
      <c r="D45" s="337"/>
      <c r="E45" s="337"/>
      <c r="F45" s="337"/>
      <c r="G45" s="337"/>
      <c r="H45" s="337"/>
      <c r="I45" s="337"/>
      <c r="J45" s="337"/>
      <c r="K45" s="337"/>
      <c r="L45" s="337"/>
      <c r="M45" s="337"/>
      <c r="N45" s="337"/>
    </row>
    <row r="46" spans="1:29">
      <c r="A46" s="311"/>
      <c r="B46" s="311"/>
      <c r="C46" s="311"/>
      <c r="D46" s="311"/>
      <c r="E46" s="311"/>
      <c r="F46" s="311"/>
      <c r="G46" s="311"/>
      <c r="H46" s="311"/>
      <c r="I46" s="311"/>
      <c r="J46" s="311"/>
      <c r="K46" s="311"/>
      <c r="L46" s="311"/>
      <c r="M46" s="311"/>
      <c r="N46" s="311"/>
    </row>
    <row r="47" spans="1:29">
      <c r="A47" s="311"/>
      <c r="B47" s="311"/>
      <c r="C47" s="311"/>
      <c r="D47" s="311"/>
      <c r="E47" s="311"/>
      <c r="F47" s="311"/>
      <c r="G47" s="311"/>
      <c r="H47" s="311"/>
      <c r="I47" s="311"/>
      <c r="J47" s="311"/>
      <c r="K47" s="311"/>
      <c r="L47" s="311"/>
      <c r="M47" s="311"/>
      <c r="N47" s="311"/>
    </row>
    <row r="48" spans="1:29">
      <c r="A48" s="311"/>
      <c r="B48" s="311"/>
      <c r="C48" s="311"/>
      <c r="D48" s="311"/>
      <c r="E48" s="311"/>
      <c r="F48" s="311"/>
      <c r="G48" s="311"/>
      <c r="H48" s="311"/>
      <c r="I48" s="311"/>
      <c r="J48" s="311"/>
      <c r="K48" s="311"/>
      <c r="L48" s="311"/>
      <c r="M48" s="311"/>
      <c r="N48" s="311"/>
    </row>
  </sheetData>
  <mergeCells count="5">
    <mergeCell ref="B45:N45"/>
    <mergeCell ref="C5:K5"/>
    <mergeCell ref="M5:M6"/>
    <mergeCell ref="C25:K25"/>
    <mergeCell ref="M25:M26"/>
  </mergeCells>
  <pageMargins left="0.70866141732283472" right="0.70866141732283472" top="0.74803149606299213" bottom="0.74803149606299213" header="0.31496062992125984" footer="0.31496062992125984"/>
  <pageSetup paperSize="9" scale="65" orientation="landscape" r:id="rId1"/>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AB171"/>
  <sheetViews>
    <sheetView zoomScale="90" zoomScaleNormal="90" workbookViewId="0"/>
  </sheetViews>
  <sheetFormatPr defaultRowHeight="12.75"/>
  <cols>
    <col min="1" max="1" width="7.7109375" style="42" customWidth="1"/>
    <col min="2" max="2" width="39" style="177" customWidth="1"/>
    <col min="3" max="3" width="19.85546875" style="42" customWidth="1"/>
    <col min="4" max="4" width="13.140625" style="42" customWidth="1"/>
    <col min="5" max="7" width="14.42578125" style="42" customWidth="1"/>
    <col min="8" max="8" width="14.42578125" style="152" customWidth="1"/>
    <col min="9" max="9" width="14.42578125" style="42" customWidth="1"/>
    <col min="10" max="10" width="10.7109375" style="152" customWidth="1"/>
    <col min="11" max="11" width="13.42578125" style="152" bestFit="1" customWidth="1"/>
    <col min="12" max="12" width="14.42578125" style="42" customWidth="1"/>
    <col min="13" max="13" width="10.42578125" style="146" customWidth="1"/>
    <col min="14" max="14" width="10.7109375" style="42" customWidth="1"/>
    <col min="15" max="15" width="13.140625" style="42" customWidth="1"/>
    <col min="16" max="16384" width="9.140625" style="42"/>
  </cols>
  <sheetData>
    <row r="1" spans="1:25">
      <c r="A1" s="13"/>
      <c r="B1" s="13" t="s">
        <v>325</v>
      </c>
      <c r="H1" s="42"/>
      <c r="J1" s="42"/>
      <c r="K1" s="42"/>
      <c r="M1" s="42"/>
    </row>
    <row r="2" spans="1:25">
      <c r="B2" s="42"/>
      <c r="H2" s="42"/>
      <c r="J2" s="42"/>
      <c r="K2" s="42"/>
      <c r="M2" s="42"/>
    </row>
    <row r="3" spans="1:25">
      <c r="A3" s="18"/>
      <c r="B3" s="43" t="s">
        <v>77</v>
      </c>
      <c r="C3" s="47"/>
      <c r="H3" s="42"/>
      <c r="J3" s="42"/>
      <c r="L3" s="152"/>
      <c r="M3" s="152"/>
    </row>
    <row r="4" spans="1:25">
      <c r="B4" s="43"/>
      <c r="H4" s="42"/>
      <c r="J4" s="42"/>
      <c r="K4" s="42"/>
      <c r="M4" s="149"/>
      <c r="N4" s="148"/>
    </row>
    <row r="5" spans="1:25">
      <c r="A5" s="150"/>
      <c r="B5" s="150"/>
      <c r="C5" s="151"/>
      <c r="M5" s="153"/>
    </row>
    <row r="6" spans="1:25" ht="51">
      <c r="A6" s="150"/>
      <c r="B6" s="154" t="s">
        <v>321</v>
      </c>
      <c r="C6" s="155" t="s">
        <v>27</v>
      </c>
      <c r="D6" s="156" t="s">
        <v>28</v>
      </c>
      <c r="E6" s="156" t="s">
        <v>29</v>
      </c>
      <c r="F6" s="156" t="s">
        <v>130</v>
      </c>
      <c r="G6" s="156" t="s">
        <v>30</v>
      </c>
      <c r="H6" s="157" t="s">
        <v>118</v>
      </c>
      <c r="I6" s="156" t="s">
        <v>31</v>
      </c>
      <c r="J6" s="157" t="s">
        <v>121</v>
      </c>
      <c r="K6" s="157" t="s">
        <v>119</v>
      </c>
      <c r="L6" s="155" t="s">
        <v>156</v>
      </c>
      <c r="M6" s="155" t="s">
        <v>143</v>
      </c>
      <c r="N6" s="155" t="s">
        <v>32</v>
      </c>
      <c r="O6" s="155" t="s">
        <v>33</v>
      </c>
    </row>
    <row r="7" spans="1:25" s="47" customFormat="1" ht="13.5" customHeight="1">
      <c r="A7" s="150"/>
      <c r="B7" s="50" t="s">
        <v>328</v>
      </c>
      <c r="C7" s="147" t="s">
        <v>326</v>
      </c>
      <c r="D7" s="147">
        <v>319327.09999999998</v>
      </c>
      <c r="E7" s="147">
        <v>24092.9</v>
      </c>
      <c r="F7" s="147">
        <v>73</v>
      </c>
      <c r="G7" s="147">
        <v>331790.09999999998</v>
      </c>
      <c r="H7" s="158">
        <v>2.2000000000000001E-3</v>
      </c>
      <c r="I7" s="147">
        <v>1696</v>
      </c>
      <c r="J7" s="158">
        <v>44.6</v>
      </c>
      <c r="K7" s="158">
        <v>1.4</v>
      </c>
      <c r="L7" s="147">
        <v>5739.6</v>
      </c>
      <c r="M7" s="274">
        <v>1.7298888664851666</v>
      </c>
      <c r="N7" s="147">
        <v>3.3</v>
      </c>
      <c r="O7" s="252"/>
      <c r="P7" s="147"/>
      <c r="Q7" s="147"/>
      <c r="R7"/>
      <c r="S7"/>
      <c r="T7"/>
      <c r="U7"/>
      <c r="V7"/>
      <c r="W7"/>
      <c r="X7"/>
      <c r="Y7"/>
    </row>
    <row r="8" spans="1:25" s="47" customFormat="1" ht="13.5" customHeight="1">
      <c r="A8" s="150"/>
      <c r="B8" s="50"/>
      <c r="C8" s="147" t="s">
        <v>327</v>
      </c>
      <c r="D8" s="147">
        <v>8927.9</v>
      </c>
      <c r="E8" s="147">
        <v>2752.9</v>
      </c>
      <c r="F8" s="147">
        <v>72.3</v>
      </c>
      <c r="G8" s="147">
        <v>11197.9</v>
      </c>
      <c r="H8" s="158">
        <v>2.5000000000000001E-2</v>
      </c>
      <c r="I8" s="147">
        <v>250</v>
      </c>
      <c r="J8" s="158">
        <v>44.9</v>
      </c>
      <c r="K8" s="158">
        <v>2.1</v>
      </c>
      <c r="L8" s="147">
        <v>1337.3</v>
      </c>
      <c r="M8" s="274">
        <v>11.94241777476134</v>
      </c>
      <c r="N8" s="147">
        <v>1.3</v>
      </c>
      <c r="O8" s="252"/>
      <c r="P8" s="147"/>
      <c r="Q8" s="147"/>
      <c r="R8"/>
      <c r="S8"/>
      <c r="T8"/>
      <c r="U8"/>
      <c r="V8"/>
      <c r="W8"/>
      <c r="X8"/>
      <c r="Y8"/>
    </row>
    <row r="9" spans="1:25" s="47" customFormat="1" ht="13.5" customHeight="1">
      <c r="A9" s="150"/>
      <c r="B9" s="50"/>
      <c r="C9" s="147" t="s">
        <v>132</v>
      </c>
      <c r="D9" s="147">
        <v>3730</v>
      </c>
      <c r="E9" s="147">
        <v>1325</v>
      </c>
      <c r="F9" s="147">
        <v>68.2</v>
      </c>
      <c r="G9" s="147">
        <v>5504.6</v>
      </c>
      <c r="H9" s="158">
        <v>0.04</v>
      </c>
      <c r="I9" s="147">
        <v>519</v>
      </c>
      <c r="J9" s="158">
        <v>44.9</v>
      </c>
      <c r="K9" s="158">
        <v>2.4</v>
      </c>
      <c r="L9" s="147">
        <v>915.9</v>
      </c>
      <c r="M9" s="274">
        <v>16.638811176107254</v>
      </c>
      <c r="N9" s="147">
        <v>0.9</v>
      </c>
      <c r="O9" s="252"/>
      <c r="P9" s="147"/>
      <c r="Q9" s="147"/>
      <c r="R9"/>
      <c r="S9"/>
      <c r="T9"/>
      <c r="U9"/>
      <c r="V9"/>
      <c r="W9"/>
      <c r="X9"/>
      <c r="Y9"/>
    </row>
    <row r="10" spans="1:25" s="47" customFormat="1" ht="13.5" customHeight="1">
      <c r="A10" s="150"/>
      <c r="B10" s="150"/>
      <c r="C10" s="159" t="s">
        <v>133</v>
      </c>
      <c r="D10" s="147">
        <v>102.3</v>
      </c>
      <c r="E10" s="147">
        <v>446.4</v>
      </c>
      <c r="F10" s="147">
        <v>75</v>
      </c>
      <c r="G10" s="147">
        <v>436.9</v>
      </c>
      <c r="H10" s="158">
        <v>0.2</v>
      </c>
      <c r="I10" s="147">
        <v>75</v>
      </c>
      <c r="J10" s="158">
        <v>43.4</v>
      </c>
      <c r="K10" s="158">
        <v>2.5</v>
      </c>
      <c r="L10" s="147">
        <v>201.5</v>
      </c>
      <c r="M10" s="274">
        <v>46.120393682764934</v>
      </c>
      <c r="N10" s="147">
        <v>0.4</v>
      </c>
      <c r="O10" s="252"/>
      <c r="P10" s="147"/>
      <c r="Q10" s="147"/>
      <c r="R10"/>
      <c r="S10"/>
      <c r="T10"/>
      <c r="U10"/>
      <c r="V10"/>
      <c r="W10"/>
      <c r="X10"/>
      <c r="Y10"/>
    </row>
    <row r="11" spans="1:25" s="47" customFormat="1" ht="13.5" customHeight="1">
      <c r="A11" s="150"/>
      <c r="B11" s="150"/>
      <c r="C11" s="159" t="s">
        <v>134</v>
      </c>
      <c r="D11" s="147">
        <v>1.3</v>
      </c>
      <c r="E11" s="147">
        <v>390.4</v>
      </c>
      <c r="F11" s="147">
        <v>75</v>
      </c>
      <c r="G11" s="147">
        <v>294.10000000000002</v>
      </c>
      <c r="H11" s="158">
        <v>0.8</v>
      </c>
      <c r="I11" s="147">
        <v>5</v>
      </c>
      <c r="J11" s="158">
        <v>45</v>
      </c>
      <c r="K11" s="158">
        <v>2.5</v>
      </c>
      <c r="L11" s="147">
        <v>258.8</v>
      </c>
      <c r="M11" s="274">
        <v>87.997279836790213</v>
      </c>
      <c r="N11" s="147">
        <v>1</v>
      </c>
      <c r="O11" s="252"/>
      <c r="P11" s="147"/>
      <c r="Q11" s="147"/>
      <c r="R11"/>
      <c r="S11"/>
      <c r="T11"/>
      <c r="U11"/>
      <c r="V11"/>
      <c r="W11"/>
      <c r="X11"/>
      <c r="Y11"/>
    </row>
    <row r="12" spans="1:25" s="47" customFormat="1" ht="13.5" customHeight="1">
      <c r="A12" s="150"/>
      <c r="B12" s="150"/>
      <c r="C12" s="159" t="s">
        <v>135</v>
      </c>
      <c r="D12" s="147">
        <v>2.7</v>
      </c>
      <c r="E12" s="147">
        <v>0.4</v>
      </c>
      <c r="F12" s="147">
        <v>53.2</v>
      </c>
      <c r="G12" s="147">
        <v>2.9</v>
      </c>
      <c r="H12" s="158">
        <v>5.7</v>
      </c>
      <c r="I12" s="147">
        <v>20</v>
      </c>
      <c r="J12" s="158">
        <v>42.4</v>
      </c>
      <c r="K12" s="158">
        <v>2.5</v>
      </c>
      <c r="L12" s="147">
        <v>4.7</v>
      </c>
      <c r="M12" s="274">
        <v>162.06896551724139</v>
      </c>
      <c r="N12" s="147">
        <v>0.1</v>
      </c>
      <c r="O12" s="252"/>
      <c r="P12" s="147"/>
      <c r="Q12" s="147"/>
      <c r="R12"/>
      <c r="S12"/>
      <c r="T12"/>
      <c r="U12"/>
      <c r="V12"/>
      <c r="W12"/>
      <c r="X12"/>
      <c r="Y12"/>
    </row>
    <row r="13" spans="1:25" s="47" customFormat="1" ht="13.5" customHeight="1">
      <c r="A13" s="150"/>
      <c r="B13" s="150"/>
      <c r="C13" s="159" t="s">
        <v>136</v>
      </c>
      <c r="D13" s="147"/>
      <c r="E13" s="147">
        <v>0.2</v>
      </c>
      <c r="F13" s="147">
        <v>100</v>
      </c>
      <c r="G13" s="147">
        <v>0.2</v>
      </c>
      <c r="H13" s="158">
        <v>8</v>
      </c>
      <c r="I13" s="147">
        <v>3</v>
      </c>
      <c r="J13" s="158">
        <v>45</v>
      </c>
      <c r="K13" s="158">
        <v>2.5</v>
      </c>
      <c r="L13" s="147">
        <v>0.4</v>
      </c>
      <c r="M13" s="274">
        <v>200</v>
      </c>
      <c r="N13" s="147">
        <v>0</v>
      </c>
      <c r="O13" s="252"/>
      <c r="P13" s="147"/>
      <c r="Q13" s="147"/>
      <c r="R13"/>
      <c r="S13"/>
      <c r="T13"/>
      <c r="U13"/>
      <c r="V13"/>
      <c r="W13"/>
      <c r="X13"/>
      <c r="Y13"/>
    </row>
    <row r="14" spans="1:25" s="47" customFormat="1" ht="13.5" customHeight="1">
      <c r="A14" s="150"/>
      <c r="B14" s="150"/>
      <c r="C14" s="159" t="s">
        <v>137</v>
      </c>
      <c r="D14" s="147">
        <v>5.9</v>
      </c>
      <c r="E14" s="147">
        <v>0.3</v>
      </c>
      <c r="F14" s="147">
        <v>50</v>
      </c>
      <c r="G14" s="147">
        <v>6</v>
      </c>
      <c r="H14" s="158">
        <v>11.4</v>
      </c>
      <c r="I14" s="147">
        <v>22</v>
      </c>
      <c r="J14" s="158">
        <v>45</v>
      </c>
      <c r="K14" s="158">
        <v>2.5</v>
      </c>
      <c r="L14" s="147">
        <v>12.8</v>
      </c>
      <c r="M14" s="274">
        <v>213.33333333333334</v>
      </c>
      <c r="N14" s="147">
        <v>0.3</v>
      </c>
      <c r="O14" s="252"/>
      <c r="P14" s="147"/>
      <c r="Q14" s="147"/>
      <c r="R14"/>
      <c r="S14"/>
      <c r="T14"/>
      <c r="U14"/>
      <c r="V14"/>
      <c r="W14"/>
      <c r="X14"/>
      <c r="Y14"/>
    </row>
    <row r="15" spans="1:25" s="47" customFormat="1" ht="13.5" customHeight="1">
      <c r="A15" s="150"/>
      <c r="B15" s="150"/>
      <c r="C15" s="159" t="s">
        <v>138</v>
      </c>
      <c r="D15" s="147">
        <v>13.2</v>
      </c>
      <c r="E15" s="147"/>
      <c r="F15" s="147">
        <v>100</v>
      </c>
      <c r="G15" s="147">
        <v>13.2</v>
      </c>
      <c r="H15" s="158">
        <v>25</v>
      </c>
      <c r="I15" s="147">
        <v>1</v>
      </c>
      <c r="J15" s="158">
        <v>45</v>
      </c>
      <c r="K15" s="158">
        <v>2.5</v>
      </c>
      <c r="L15" s="147">
        <v>34.6</v>
      </c>
      <c r="M15" s="274">
        <v>262.12121212121218</v>
      </c>
      <c r="N15" s="147">
        <v>1.5</v>
      </c>
      <c r="O15" s="252"/>
      <c r="P15" s="147"/>
      <c r="Q15" s="147"/>
      <c r="R15"/>
      <c r="S15"/>
      <c r="T15"/>
      <c r="U15"/>
      <c r="V15"/>
      <c r="W15"/>
      <c r="X15"/>
      <c r="Y15"/>
    </row>
    <row r="16" spans="1:25" s="47" customFormat="1" ht="13.5" customHeight="1">
      <c r="A16" s="150"/>
      <c r="B16" s="150"/>
      <c r="C16" s="48" t="s">
        <v>34</v>
      </c>
      <c r="D16" s="147"/>
      <c r="E16" s="147"/>
      <c r="F16" s="147"/>
      <c r="G16" s="147"/>
      <c r="H16" s="158"/>
      <c r="I16" s="147"/>
      <c r="J16" s="158"/>
      <c r="K16" s="158"/>
      <c r="L16" s="147"/>
      <c r="M16" s="274"/>
      <c r="N16" s="147"/>
      <c r="O16" s="252"/>
      <c r="P16" s="147"/>
      <c r="Q16" s="147"/>
      <c r="R16"/>
      <c r="S16"/>
      <c r="T16"/>
      <c r="U16"/>
      <c r="V16"/>
      <c r="W16"/>
      <c r="X16"/>
      <c r="Y16"/>
    </row>
    <row r="17" spans="1:28" s="162" customFormat="1" ht="13.5" customHeight="1">
      <c r="A17" s="160"/>
      <c r="B17" s="161" t="s">
        <v>35</v>
      </c>
      <c r="D17" s="163">
        <v>332110.40000000002</v>
      </c>
      <c r="E17" s="163">
        <v>29008.500000000007</v>
      </c>
      <c r="F17" s="163">
        <v>72.7</v>
      </c>
      <c r="G17" s="163">
        <v>349245.9</v>
      </c>
      <c r="H17" s="164">
        <v>1.4</v>
      </c>
      <c r="I17" s="163">
        <v>2591</v>
      </c>
      <c r="J17" s="164">
        <v>44.7</v>
      </c>
      <c r="K17" s="164">
        <v>1.5</v>
      </c>
      <c r="L17" s="163">
        <v>8505.5999999999985</v>
      </c>
      <c r="M17" s="275">
        <v>2.4354187121452244</v>
      </c>
      <c r="N17" s="163">
        <v>8.8000000000000007</v>
      </c>
      <c r="O17" s="163">
        <v>0.2</v>
      </c>
      <c r="P17" s="147"/>
      <c r="Q17" s="147"/>
      <c r="R17"/>
      <c r="S17"/>
      <c r="T17"/>
      <c r="U17"/>
      <c r="V17"/>
      <c r="W17"/>
      <c r="X17"/>
      <c r="Y17"/>
    </row>
    <row r="18" spans="1:28">
      <c r="A18" s="150"/>
      <c r="B18" s="150"/>
      <c r="C18" s="151"/>
      <c r="D18" s="178"/>
      <c r="E18" s="178"/>
      <c r="F18" s="178"/>
      <c r="G18" s="178"/>
      <c r="H18" s="178"/>
      <c r="I18" s="178"/>
      <c r="J18" s="178"/>
      <c r="K18" s="178"/>
      <c r="L18" s="270"/>
      <c r="M18" s="152"/>
      <c r="N18" s="178"/>
      <c r="O18" s="178"/>
      <c r="P18" s="147"/>
      <c r="Q18" s="147"/>
      <c r="R18" s="147"/>
      <c r="S18" s="147"/>
      <c r="T18" s="147"/>
      <c r="U18" s="147"/>
      <c r="V18" s="147"/>
      <c r="W18" s="147"/>
    </row>
    <row r="19" spans="1:28">
      <c r="A19" s="150"/>
      <c r="B19" s="150"/>
      <c r="C19" s="151"/>
      <c r="D19" s="178"/>
      <c r="E19" s="178"/>
      <c r="F19" s="178"/>
      <c r="G19" s="178"/>
      <c r="H19" s="178"/>
      <c r="I19" s="178"/>
      <c r="J19" s="178"/>
      <c r="K19" s="178"/>
      <c r="L19" s="178"/>
      <c r="M19" s="152"/>
      <c r="N19" s="178"/>
      <c r="O19" s="178"/>
    </row>
    <row r="20" spans="1:28" ht="51">
      <c r="A20" s="150"/>
      <c r="B20" s="154"/>
      <c r="C20" s="155" t="s">
        <v>27</v>
      </c>
      <c r="D20" s="271" t="s">
        <v>28</v>
      </c>
      <c r="E20" s="271" t="s">
        <v>29</v>
      </c>
      <c r="F20" s="271" t="s">
        <v>130</v>
      </c>
      <c r="G20" s="271" t="s">
        <v>30</v>
      </c>
      <c r="H20" s="271" t="s">
        <v>118</v>
      </c>
      <c r="I20" s="271" t="s">
        <v>31</v>
      </c>
      <c r="J20" s="271" t="s">
        <v>121</v>
      </c>
      <c r="K20" s="271" t="s">
        <v>119</v>
      </c>
      <c r="L20" s="271" t="s">
        <v>156</v>
      </c>
      <c r="M20" s="157" t="s">
        <v>143</v>
      </c>
      <c r="N20" s="271" t="s">
        <v>32</v>
      </c>
      <c r="O20" s="271" t="s">
        <v>33</v>
      </c>
    </row>
    <row r="21" spans="1:28" s="47" customFormat="1" ht="13.5" customHeight="1">
      <c r="A21" s="150"/>
      <c r="B21" s="50" t="s">
        <v>116</v>
      </c>
      <c r="C21" s="147" t="s">
        <v>132</v>
      </c>
      <c r="D21" s="147">
        <v>47162.5</v>
      </c>
      <c r="E21" s="147">
        <v>56675</v>
      </c>
      <c r="F21" s="147">
        <v>70.7</v>
      </c>
      <c r="G21" s="147">
        <v>83075.3</v>
      </c>
      <c r="H21" s="158">
        <v>0.1</v>
      </c>
      <c r="I21" s="147">
        <v>814</v>
      </c>
      <c r="J21" s="158">
        <v>36.4</v>
      </c>
      <c r="K21" s="158">
        <v>2.5</v>
      </c>
      <c r="L21" s="147">
        <v>14814.5</v>
      </c>
      <c r="M21" s="274">
        <v>17.832616915015652</v>
      </c>
      <c r="N21" s="147">
        <v>16.7</v>
      </c>
      <c r="O21" s="252"/>
      <c r="P21" s="147"/>
      <c r="Q21" s="147"/>
      <c r="R21" s="147"/>
      <c r="S21" s="147"/>
      <c r="T21" s="147"/>
      <c r="U21" s="147"/>
      <c r="V21" s="147"/>
      <c r="W21" s="147"/>
      <c r="X21" s="147"/>
      <c r="Z21" s="147"/>
      <c r="AB21" s="147"/>
    </row>
    <row r="22" spans="1:28" s="47" customFormat="1" ht="13.5" customHeight="1">
      <c r="A22" s="150"/>
      <c r="B22" s="150"/>
      <c r="C22" s="159" t="s">
        <v>133</v>
      </c>
      <c r="D22" s="147">
        <v>87422.8</v>
      </c>
      <c r="E22" s="147">
        <v>48592.6</v>
      </c>
      <c r="F22" s="147">
        <v>69.5</v>
      </c>
      <c r="G22" s="147">
        <v>111644.6</v>
      </c>
      <c r="H22" s="158">
        <v>0.3</v>
      </c>
      <c r="I22" s="147">
        <v>6534</v>
      </c>
      <c r="J22" s="158">
        <v>38</v>
      </c>
      <c r="K22" s="158">
        <v>2.5</v>
      </c>
      <c r="L22" s="147">
        <v>49263.199999999997</v>
      </c>
      <c r="M22" s="274">
        <v>44.125018137912619</v>
      </c>
      <c r="N22" s="147">
        <v>123.6</v>
      </c>
      <c r="O22" s="252"/>
      <c r="P22" s="147"/>
      <c r="Q22" s="147"/>
      <c r="R22" s="147"/>
      <c r="S22" s="147"/>
      <c r="T22" s="147"/>
      <c r="U22" s="147"/>
      <c r="V22" s="147"/>
      <c r="W22" s="147"/>
      <c r="X22" s="147"/>
      <c r="Z22" s="147"/>
      <c r="AB22" s="147"/>
    </row>
    <row r="23" spans="1:28" s="47" customFormat="1" ht="13.5" customHeight="1">
      <c r="A23" s="150"/>
      <c r="B23" s="150"/>
      <c r="C23" s="159" t="s">
        <v>134</v>
      </c>
      <c r="D23" s="147">
        <v>48683.8</v>
      </c>
      <c r="E23" s="147">
        <v>13066.4</v>
      </c>
      <c r="F23" s="147">
        <v>74.599999999999994</v>
      </c>
      <c r="G23" s="147">
        <v>55862.400000000001</v>
      </c>
      <c r="H23" s="158">
        <v>1</v>
      </c>
      <c r="I23" s="147">
        <v>7342</v>
      </c>
      <c r="J23" s="158">
        <v>39.1</v>
      </c>
      <c r="K23" s="158">
        <v>2.5</v>
      </c>
      <c r="L23" s="147">
        <v>41808.6</v>
      </c>
      <c r="M23" s="274">
        <v>74.842112046743424</v>
      </c>
      <c r="N23" s="147">
        <v>222.4</v>
      </c>
      <c r="O23" s="252"/>
      <c r="P23" s="147"/>
      <c r="Q23" s="147"/>
      <c r="R23" s="147"/>
      <c r="S23" s="147"/>
      <c r="T23" s="147"/>
      <c r="U23" s="147"/>
      <c r="V23" s="147"/>
      <c r="W23" s="147"/>
      <c r="X23" s="147"/>
      <c r="Z23" s="147"/>
      <c r="AB23" s="147"/>
    </row>
    <row r="24" spans="1:28" s="47" customFormat="1" ht="13.5" customHeight="1">
      <c r="A24" s="150"/>
      <c r="B24" s="150"/>
      <c r="C24" s="159" t="s">
        <v>135</v>
      </c>
      <c r="D24" s="147">
        <v>7289.9</v>
      </c>
      <c r="E24" s="147">
        <v>2132.1999999999998</v>
      </c>
      <c r="F24" s="147">
        <v>65.400000000000006</v>
      </c>
      <c r="G24" s="147">
        <v>8505.6</v>
      </c>
      <c r="H24" s="158">
        <v>2.8</v>
      </c>
      <c r="I24" s="147">
        <v>2656</v>
      </c>
      <c r="J24" s="158">
        <v>39.4</v>
      </c>
      <c r="K24" s="158">
        <v>2.5</v>
      </c>
      <c r="L24" s="147">
        <v>8235.6</v>
      </c>
      <c r="M24" s="274">
        <v>96.825620767494357</v>
      </c>
      <c r="N24" s="147">
        <v>92</v>
      </c>
      <c r="O24" s="252"/>
      <c r="P24" s="147"/>
      <c r="Q24" s="147"/>
      <c r="R24" s="147"/>
      <c r="S24" s="147"/>
      <c r="T24" s="147"/>
      <c r="U24" s="147"/>
      <c r="V24" s="147"/>
      <c r="W24" s="147"/>
      <c r="X24" s="147"/>
      <c r="Z24" s="147"/>
      <c r="AB24" s="147"/>
    </row>
    <row r="25" spans="1:28" s="47" customFormat="1" ht="13.5" customHeight="1">
      <c r="A25" s="150"/>
      <c r="B25" s="150"/>
      <c r="C25" s="159" t="s">
        <v>136</v>
      </c>
      <c r="D25" s="147">
        <v>310.89999999999998</v>
      </c>
      <c r="E25" s="147">
        <v>544.4</v>
      </c>
      <c r="F25" s="147">
        <v>59.5</v>
      </c>
      <c r="G25" s="147">
        <v>498</v>
      </c>
      <c r="H25" s="158">
        <v>8</v>
      </c>
      <c r="I25" s="147">
        <v>115</v>
      </c>
      <c r="J25" s="158">
        <v>40</v>
      </c>
      <c r="K25" s="158">
        <v>2.5</v>
      </c>
      <c r="L25" s="147">
        <v>742.1</v>
      </c>
      <c r="M25" s="274">
        <v>149.01606425702812</v>
      </c>
      <c r="N25" s="147">
        <v>15.9</v>
      </c>
      <c r="O25" s="252"/>
      <c r="P25" s="147"/>
      <c r="Q25" s="147"/>
      <c r="R25" s="147"/>
      <c r="S25" s="147"/>
      <c r="T25" s="147"/>
      <c r="U25" s="147"/>
      <c r="V25" s="147"/>
      <c r="W25" s="147"/>
      <c r="X25" s="147"/>
      <c r="Z25" s="147"/>
      <c r="AB25" s="147"/>
    </row>
    <row r="26" spans="1:28" s="47" customFormat="1" ht="13.5" customHeight="1">
      <c r="A26" s="150"/>
      <c r="B26" s="150"/>
      <c r="C26" s="159" t="s">
        <v>137</v>
      </c>
      <c r="D26" s="147">
        <v>1823.8</v>
      </c>
      <c r="E26" s="147">
        <v>183.4</v>
      </c>
      <c r="F26" s="147">
        <v>71.400000000000006</v>
      </c>
      <c r="G26" s="147">
        <v>1696.8</v>
      </c>
      <c r="H26" s="158">
        <v>13.7</v>
      </c>
      <c r="I26" s="147">
        <v>352</v>
      </c>
      <c r="J26" s="158">
        <v>37.700000000000003</v>
      </c>
      <c r="K26" s="158">
        <v>2.5</v>
      </c>
      <c r="L26" s="147">
        <v>2540.5</v>
      </c>
      <c r="M26" s="274">
        <v>149.72300801508723</v>
      </c>
      <c r="N26" s="147">
        <v>88.2</v>
      </c>
      <c r="O26" s="252"/>
      <c r="P26" s="147"/>
      <c r="Q26" s="147"/>
      <c r="R26" s="147"/>
      <c r="S26" s="147"/>
      <c r="T26" s="147"/>
      <c r="U26" s="147"/>
      <c r="V26" s="147"/>
      <c r="W26" s="147"/>
      <c r="X26" s="147"/>
      <c r="Z26" s="147"/>
      <c r="AB26" s="147"/>
    </row>
    <row r="27" spans="1:28" s="47" customFormat="1" ht="13.5" customHeight="1">
      <c r="A27" s="150"/>
      <c r="B27" s="150"/>
      <c r="C27" s="159" t="s">
        <v>138</v>
      </c>
      <c r="D27" s="147">
        <v>421.4</v>
      </c>
      <c r="E27" s="147">
        <v>44.3</v>
      </c>
      <c r="F27" s="147">
        <v>73.099999999999994</v>
      </c>
      <c r="G27" s="147">
        <v>450.8</v>
      </c>
      <c r="H27" s="158">
        <v>25</v>
      </c>
      <c r="I27" s="147">
        <v>86</v>
      </c>
      <c r="J27" s="158">
        <v>41.7</v>
      </c>
      <c r="K27" s="158">
        <v>2.5</v>
      </c>
      <c r="L27" s="147">
        <v>882</v>
      </c>
      <c r="M27" s="274">
        <v>195.65217391304347</v>
      </c>
      <c r="N27" s="147">
        <v>47</v>
      </c>
      <c r="O27" s="252"/>
      <c r="P27" s="147"/>
      <c r="Q27" s="147"/>
      <c r="R27" s="147"/>
      <c r="S27" s="147"/>
      <c r="T27" s="147"/>
      <c r="U27" s="147"/>
      <c r="V27" s="147"/>
      <c r="W27" s="147"/>
      <c r="X27" s="147"/>
      <c r="Z27" s="147"/>
      <c r="AB27" s="147"/>
    </row>
    <row r="28" spans="1:28" s="47" customFormat="1" ht="13.5" customHeight="1">
      <c r="A28" s="150"/>
      <c r="B28" s="150"/>
      <c r="C28" s="48" t="s">
        <v>34</v>
      </c>
      <c r="D28" s="147">
        <v>2137.5</v>
      </c>
      <c r="E28" s="147">
        <v>106.3</v>
      </c>
      <c r="F28" s="147">
        <v>50.3</v>
      </c>
      <c r="G28" s="147">
        <v>2190.6</v>
      </c>
      <c r="H28" s="158">
        <v>100</v>
      </c>
      <c r="I28" s="147">
        <v>313</v>
      </c>
      <c r="J28" s="158">
        <v>41.6</v>
      </c>
      <c r="K28" s="158">
        <v>2.5</v>
      </c>
      <c r="L28" s="147"/>
      <c r="M28" s="274">
        <v>0</v>
      </c>
      <c r="N28" s="147">
        <v>911</v>
      </c>
      <c r="O28" s="252"/>
      <c r="P28" s="147"/>
      <c r="Q28" s="147"/>
      <c r="R28" s="147"/>
      <c r="S28" s="147"/>
      <c r="T28" s="147"/>
      <c r="U28" s="147"/>
      <c r="V28" s="147"/>
      <c r="W28" s="147"/>
      <c r="X28" s="147"/>
      <c r="Z28" s="147"/>
      <c r="AB28" s="147"/>
    </row>
    <row r="29" spans="1:28" s="162" customFormat="1" ht="13.5" customHeight="1">
      <c r="A29" s="160"/>
      <c r="B29" s="161" t="s">
        <v>35</v>
      </c>
      <c r="D29" s="163">
        <v>195252.59999999995</v>
      </c>
      <c r="E29" s="163">
        <v>121344.59999999999</v>
      </c>
      <c r="F29" s="163">
        <v>70.5</v>
      </c>
      <c r="G29" s="163">
        <v>263924.09999999998</v>
      </c>
      <c r="H29" s="164">
        <v>1.4</v>
      </c>
      <c r="I29" s="163">
        <v>18212</v>
      </c>
      <c r="J29" s="164">
        <v>37.799999999999997</v>
      </c>
      <c r="K29" s="164">
        <v>2.5</v>
      </c>
      <c r="L29" s="163">
        <v>118286.5</v>
      </c>
      <c r="M29" s="275">
        <v>44.818377707833427</v>
      </c>
      <c r="N29" s="163">
        <v>1516.8</v>
      </c>
      <c r="O29" s="163">
        <v>1199.0999999999999</v>
      </c>
      <c r="P29" s="147"/>
      <c r="Q29" s="147"/>
      <c r="R29" s="147"/>
      <c r="S29" s="147"/>
      <c r="T29" s="147"/>
      <c r="U29" s="147"/>
      <c r="V29" s="147"/>
      <c r="W29" s="147"/>
      <c r="X29" s="147"/>
      <c r="Z29" s="147"/>
      <c r="AB29" s="147"/>
    </row>
    <row r="30" spans="1:28">
      <c r="B30" s="51"/>
      <c r="C30" s="47"/>
      <c r="D30" s="165"/>
      <c r="E30" s="165"/>
      <c r="F30" s="165"/>
      <c r="G30" s="165"/>
      <c r="H30" s="165"/>
      <c r="I30" s="165"/>
      <c r="J30" s="165"/>
      <c r="K30" s="165"/>
      <c r="L30" s="165"/>
      <c r="M30" s="278"/>
      <c r="N30" s="165"/>
      <c r="O30" s="165"/>
      <c r="P30" s="147"/>
      <c r="Q30" s="147"/>
      <c r="R30" s="147"/>
      <c r="S30" s="147"/>
      <c r="T30" s="147"/>
      <c r="U30" s="147"/>
      <c r="V30" s="147"/>
      <c r="W30" s="147"/>
    </row>
    <row r="31" spans="1:28" ht="16.5" customHeight="1">
      <c r="A31" s="150"/>
      <c r="B31" s="150"/>
      <c r="C31" s="150"/>
      <c r="D31" s="180"/>
      <c r="E31" s="180"/>
      <c r="F31" s="180"/>
      <c r="G31" s="180"/>
      <c r="H31" s="180"/>
      <c r="I31" s="180"/>
      <c r="J31" s="180"/>
      <c r="K31" s="180"/>
      <c r="L31" s="180"/>
      <c r="M31" s="279"/>
      <c r="N31" s="180"/>
      <c r="O31" s="180"/>
    </row>
    <row r="32" spans="1:28" ht="51">
      <c r="A32" s="150"/>
      <c r="B32" s="154"/>
      <c r="C32" s="155" t="s">
        <v>27</v>
      </c>
      <c r="D32" s="271" t="s">
        <v>28</v>
      </c>
      <c r="E32" s="271" t="s">
        <v>29</v>
      </c>
      <c r="F32" s="271" t="s">
        <v>130</v>
      </c>
      <c r="G32" s="271" t="s">
        <v>30</v>
      </c>
      <c r="H32" s="271" t="s">
        <v>118</v>
      </c>
      <c r="I32" s="271" t="s">
        <v>31</v>
      </c>
      <c r="J32" s="271" t="s">
        <v>121</v>
      </c>
      <c r="K32" s="271" t="s">
        <v>119</v>
      </c>
      <c r="L32" s="271" t="s">
        <v>156</v>
      </c>
      <c r="M32" s="157" t="s">
        <v>143</v>
      </c>
      <c r="N32" s="271" t="s">
        <v>32</v>
      </c>
      <c r="O32" s="271" t="s">
        <v>33</v>
      </c>
    </row>
    <row r="33" spans="1:26" s="47" customFormat="1">
      <c r="B33" s="50" t="s">
        <v>126</v>
      </c>
      <c r="C33" s="147" t="s">
        <v>132</v>
      </c>
      <c r="D33" s="147">
        <v>9535.1</v>
      </c>
      <c r="E33" s="147">
        <v>1273.3</v>
      </c>
      <c r="F33" s="147">
        <v>62.6</v>
      </c>
      <c r="G33" s="147">
        <v>5003.8</v>
      </c>
      <c r="H33" s="158">
        <v>0.04</v>
      </c>
      <c r="I33" s="147">
        <v>173</v>
      </c>
      <c r="J33" s="158">
        <v>35.9</v>
      </c>
      <c r="K33" s="158">
        <v>2.5000000000000013</v>
      </c>
      <c r="L33" s="147">
        <v>782.3</v>
      </c>
      <c r="M33" s="274">
        <v>15.634118070266595</v>
      </c>
      <c r="N33" s="147">
        <v>0.6</v>
      </c>
      <c r="O33" s="252"/>
      <c r="P33" s="147"/>
      <c r="Q33" s="147"/>
      <c r="R33" s="147"/>
      <c r="S33" s="147"/>
      <c r="T33" s="147"/>
      <c r="U33" s="147"/>
      <c r="V33" s="147"/>
      <c r="W33" s="147"/>
      <c r="X33" s="147"/>
    </row>
    <row r="34" spans="1:26" s="47" customFormat="1">
      <c r="B34" s="150"/>
      <c r="C34" s="159" t="s">
        <v>133</v>
      </c>
      <c r="D34" s="147">
        <v>2215.8000000000002</v>
      </c>
      <c r="E34" s="147">
        <v>544.79999999999995</v>
      </c>
      <c r="F34" s="147">
        <v>61.8</v>
      </c>
      <c r="G34" s="147">
        <v>1987</v>
      </c>
      <c r="H34" s="158">
        <v>0.3</v>
      </c>
      <c r="I34" s="147">
        <v>102</v>
      </c>
      <c r="J34" s="158">
        <v>20.399999999999999</v>
      </c>
      <c r="K34" s="158">
        <v>2.5000000000000004</v>
      </c>
      <c r="L34" s="147">
        <v>485.6</v>
      </c>
      <c r="M34" s="274">
        <v>24.438852541519882</v>
      </c>
      <c r="N34" s="147">
        <v>0.9</v>
      </c>
      <c r="O34" s="252"/>
      <c r="P34" s="147"/>
      <c r="Q34" s="147"/>
      <c r="R34" s="147"/>
      <c r="S34" s="147"/>
      <c r="T34" s="147"/>
      <c r="U34" s="147"/>
      <c r="V34" s="147"/>
      <c r="W34" s="147"/>
      <c r="X34" s="147"/>
    </row>
    <row r="35" spans="1:26" s="47" customFormat="1">
      <c r="B35" s="150"/>
      <c r="C35" s="159" t="s">
        <v>134</v>
      </c>
      <c r="D35" s="147">
        <v>99.4</v>
      </c>
      <c r="E35" s="147">
        <v>206</v>
      </c>
      <c r="F35" s="147">
        <v>50</v>
      </c>
      <c r="G35" s="147">
        <v>194.8</v>
      </c>
      <c r="H35" s="158">
        <v>0.8</v>
      </c>
      <c r="I35" s="147">
        <v>22</v>
      </c>
      <c r="J35" s="158">
        <v>23.8</v>
      </c>
      <c r="K35" s="158">
        <v>2.5</v>
      </c>
      <c r="L35" s="147">
        <v>76.7</v>
      </c>
      <c r="M35" s="274">
        <v>39.373716632443525</v>
      </c>
      <c r="N35" s="147">
        <v>0.2</v>
      </c>
      <c r="O35" s="252"/>
      <c r="P35" s="147"/>
      <c r="Q35" s="147"/>
      <c r="R35" s="147"/>
      <c r="S35" s="147"/>
      <c r="T35" s="147"/>
      <c r="U35" s="147"/>
      <c r="V35" s="147"/>
      <c r="W35" s="147"/>
      <c r="X35" s="147"/>
    </row>
    <row r="36" spans="1:26" s="47" customFormat="1">
      <c r="B36" s="150"/>
      <c r="C36" s="159" t="s">
        <v>135</v>
      </c>
      <c r="D36" s="147">
        <v>18.7</v>
      </c>
      <c r="E36" s="147">
        <v>12</v>
      </c>
      <c r="F36" s="147">
        <v>46.4</v>
      </c>
      <c r="G36" s="147">
        <v>23.7</v>
      </c>
      <c r="H36" s="158">
        <v>2.2999999999999998</v>
      </c>
      <c r="I36" s="147">
        <v>13</v>
      </c>
      <c r="J36" s="158">
        <v>45</v>
      </c>
      <c r="K36" s="158">
        <v>2.5000000000000004</v>
      </c>
      <c r="L36" s="147">
        <v>31.7</v>
      </c>
      <c r="M36" s="274">
        <v>133.75527426160338</v>
      </c>
      <c r="N36" s="147">
        <v>0.2</v>
      </c>
      <c r="O36" s="252"/>
      <c r="P36" s="147"/>
      <c r="Q36" s="147"/>
      <c r="R36" s="147"/>
      <c r="S36" s="147"/>
      <c r="T36" s="147"/>
      <c r="U36" s="147"/>
      <c r="V36" s="147"/>
      <c r="W36" s="147"/>
      <c r="X36" s="147"/>
    </row>
    <row r="37" spans="1:26" s="47" customFormat="1">
      <c r="B37" s="150"/>
      <c r="C37" s="159" t="s">
        <v>136</v>
      </c>
      <c r="D37" s="147"/>
      <c r="E37" s="147"/>
      <c r="F37" s="147"/>
      <c r="G37" s="147"/>
      <c r="H37" s="158"/>
      <c r="I37" s="147"/>
      <c r="J37" s="158"/>
      <c r="K37" s="158"/>
      <c r="L37" s="147"/>
      <c r="M37" s="274"/>
      <c r="N37" s="147"/>
      <c r="O37" s="252"/>
      <c r="P37" s="147"/>
      <c r="Q37" s="147"/>
      <c r="R37" s="147"/>
      <c r="S37" s="147"/>
      <c r="T37" s="147"/>
      <c r="U37" s="147"/>
      <c r="V37" s="147"/>
      <c r="W37" s="147"/>
      <c r="X37" s="147"/>
    </row>
    <row r="38" spans="1:26" s="47" customFormat="1">
      <c r="B38" s="150"/>
      <c r="C38" s="159" t="s">
        <v>137</v>
      </c>
      <c r="D38" s="147">
        <v>6.1</v>
      </c>
      <c r="E38" s="147"/>
      <c r="F38" s="147">
        <v>100</v>
      </c>
      <c r="G38" s="147">
        <v>6.1</v>
      </c>
      <c r="H38" s="158">
        <v>12.1</v>
      </c>
      <c r="I38" s="147">
        <v>2</v>
      </c>
      <c r="J38" s="158">
        <v>45</v>
      </c>
      <c r="K38" s="158">
        <v>2.4999999999999996</v>
      </c>
      <c r="L38" s="147">
        <v>13.5</v>
      </c>
      <c r="M38" s="274">
        <v>221.31147540983608</v>
      </c>
      <c r="N38" s="147">
        <v>0.3</v>
      </c>
      <c r="O38" s="252"/>
      <c r="P38" s="147"/>
      <c r="Q38" s="147"/>
      <c r="R38" s="147"/>
      <c r="S38" s="147"/>
      <c r="T38" s="147"/>
      <c r="U38" s="147"/>
      <c r="V38" s="147"/>
      <c r="W38" s="147"/>
      <c r="X38" s="147"/>
    </row>
    <row r="39" spans="1:26" s="47" customFormat="1">
      <c r="B39" s="150"/>
      <c r="C39" s="159" t="s">
        <v>138</v>
      </c>
      <c r="D39" s="147">
        <v>5.4</v>
      </c>
      <c r="E39" s="147"/>
      <c r="F39" s="147">
        <v>100</v>
      </c>
      <c r="G39" s="147">
        <v>5.4</v>
      </c>
      <c r="H39" s="158">
        <v>25</v>
      </c>
      <c r="I39" s="147">
        <v>4</v>
      </c>
      <c r="J39" s="158">
        <v>45</v>
      </c>
      <c r="K39" s="158">
        <v>2.5</v>
      </c>
      <c r="L39" s="147">
        <v>16</v>
      </c>
      <c r="M39" s="274">
        <v>296.2962962962963</v>
      </c>
      <c r="N39" s="147">
        <v>0.6</v>
      </c>
      <c r="O39" s="252"/>
      <c r="P39" s="147"/>
      <c r="Q39" s="147"/>
      <c r="R39" s="147"/>
      <c r="S39" s="147"/>
      <c r="T39" s="147"/>
      <c r="U39" s="147"/>
      <c r="V39" s="147"/>
      <c r="W39" s="147"/>
      <c r="X39" s="147"/>
    </row>
    <row r="40" spans="1:26" s="47" customFormat="1">
      <c r="B40" s="171"/>
      <c r="C40" s="48" t="s">
        <v>34</v>
      </c>
      <c r="D40" s="172"/>
      <c r="E40" s="172"/>
      <c r="F40" s="172"/>
      <c r="G40" s="172"/>
      <c r="H40" s="173"/>
      <c r="I40" s="172"/>
      <c r="J40" s="173"/>
      <c r="K40" s="173"/>
      <c r="L40" s="172"/>
      <c r="M40" s="276"/>
      <c r="N40" s="172"/>
      <c r="O40" s="252"/>
      <c r="P40" s="147"/>
      <c r="Q40" s="147"/>
      <c r="R40" s="147"/>
      <c r="S40" s="147"/>
      <c r="T40" s="147"/>
      <c r="U40" s="147"/>
      <c r="V40" s="147"/>
      <c r="W40" s="147"/>
      <c r="X40" s="147"/>
    </row>
    <row r="41" spans="1:26" s="162" customFormat="1">
      <c r="B41" s="50" t="s">
        <v>35</v>
      </c>
      <c r="C41" s="50"/>
      <c r="D41" s="163">
        <v>11880.500000000002</v>
      </c>
      <c r="E41" s="163">
        <v>2036.1</v>
      </c>
      <c r="F41" s="175">
        <v>61.4</v>
      </c>
      <c r="G41" s="163">
        <v>7220.8</v>
      </c>
      <c r="H41" s="176">
        <v>0.2</v>
      </c>
      <c r="I41" s="163">
        <v>316</v>
      </c>
      <c r="J41" s="176">
        <v>31.3</v>
      </c>
      <c r="K41" s="176">
        <v>2.5000000000000013</v>
      </c>
      <c r="L41" s="163">
        <v>1405.8000000000002</v>
      </c>
      <c r="M41" s="277">
        <v>19.468756924440509</v>
      </c>
      <c r="N41" s="163">
        <v>2.8</v>
      </c>
      <c r="O41" s="163">
        <v>0</v>
      </c>
      <c r="P41" s="147"/>
      <c r="Q41" s="147"/>
      <c r="R41" s="147"/>
      <c r="S41" s="147"/>
      <c r="T41" s="147"/>
      <c r="U41" s="147"/>
      <c r="V41" s="147"/>
      <c r="W41" s="147"/>
      <c r="X41" s="147"/>
    </row>
    <row r="42" spans="1:26">
      <c r="B42" s="150"/>
      <c r="C42" s="150"/>
      <c r="D42" s="180"/>
      <c r="E42" s="180"/>
      <c r="F42" s="180"/>
      <c r="G42" s="180"/>
      <c r="H42" s="180"/>
      <c r="I42" s="180"/>
      <c r="J42" s="180"/>
      <c r="K42" s="180"/>
      <c r="L42" s="180"/>
      <c r="M42" s="279"/>
      <c r="N42" s="180"/>
      <c r="O42" s="180"/>
      <c r="P42" s="147"/>
      <c r="Q42" s="147"/>
      <c r="R42" s="147"/>
      <c r="S42" s="147"/>
      <c r="T42" s="147"/>
      <c r="U42" s="147"/>
      <c r="V42" s="147"/>
      <c r="W42" s="147"/>
      <c r="X42" s="162"/>
    </row>
    <row r="43" spans="1:26">
      <c r="B43" s="150"/>
      <c r="C43" s="150"/>
      <c r="D43" s="180"/>
      <c r="E43" s="180"/>
      <c r="F43" s="180"/>
      <c r="G43" s="180"/>
      <c r="H43" s="180"/>
      <c r="I43" s="180"/>
      <c r="J43" s="180"/>
      <c r="K43" s="180"/>
      <c r="L43" s="180"/>
      <c r="M43" s="279"/>
      <c r="N43" s="180"/>
      <c r="O43" s="180"/>
    </row>
    <row r="44" spans="1:26" ht="16.5" customHeight="1">
      <c r="A44" s="150"/>
      <c r="B44" s="150"/>
      <c r="C44" s="150"/>
      <c r="D44" s="180"/>
      <c r="E44" s="180"/>
      <c r="F44" s="180"/>
      <c r="G44" s="180"/>
      <c r="H44" s="180"/>
      <c r="I44" s="180"/>
      <c r="J44" s="180"/>
      <c r="K44" s="180"/>
      <c r="L44" s="180"/>
      <c r="M44" s="279"/>
      <c r="N44" s="180"/>
      <c r="O44" s="180"/>
    </row>
    <row r="45" spans="1:26" ht="51">
      <c r="A45" s="150"/>
      <c r="B45" s="154"/>
      <c r="C45" s="155" t="s">
        <v>27</v>
      </c>
      <c r="D45" s="271" t="s">
        <v>28</v>
      </c>
      <c r="E45" s="271" t="s">
        <v>29</v>
      </c>
      <c r="F45" s="271" t="s">
        <v>130</v>
      </c>
      <c r="G45" s="271" t="s">
        <v>30</v>
      </c>
      <c r="H45" s="271" t="s">
        <v>118</v>
      </c>
      <c r="I45" s="271" t="s">
        <v>31</v>
      </c>
      <c r="J45" s="271" t="s">
        <v>121</v>
      </c>
      <c r="K45" s="271" t="s">
        <v>119</v>
      </c>
      <c r="L45" s="271" t="s">
        <v>156</v>
      </c>
      <c r="M45" s="157" t="s">
        <v>143</v>
      </c>
      <c r="N45" s="271" t="s">
        <v>32</v>
      </c>
      <c r="O45" s="271" t="s">
        <v>33</v>
      </c>
    </row>
    <row r="46" spans="1:26" s="47" customFormat="1">
      <c r="B46" s="50" t="s">
        <v>127</v>
      </c>
      <c r="C46" s="147" t="s">
        <v>132</v>
      </c>
      <c r="D46" s="147">
        <v>110852.5</v>
      </c>
      <c r="E46" s="147">
        <v>165618.29999999999</v>
      </c>
      <c r="F46" s="147">
        <v>60.6</v>
      </c>
      <c r="G46" s="147">
        <v>206643</v>
      </c>
      <c r="H46" s="158">
        <v>0.1</v>
      </c>
      <c r="I46" s="147">
        <v>23339</v>
      </c>
      <c r="J46" s="158">
        <v>28.8</v>
      </c>
      <c r="K46" s="158">
        <v>2.2999999999999998</v>
      </c>
      <c r="L46" s="147">
        <v>29507.8</v>
      </c>
      <c r="M46" s="274">
        <v>14.279602986793648</v>
      </c>
      <c r="N46" s="147">
        <v>39.700000000000003</v>
      </c>
      <c r="O46" s="252"/>
      <c r="P46" s="147"/>
      <c r="Q46" s="147"/>
      <c r="R46" s="147"/>
      <c r="S46" s="147"/>
      <c r="T46" s="147"/>
      <c r="U46" s="147"/>
      <c r="V46" s="147"/>
      <c r="W46" s="147"/>
      <c r="X46" s="147"/>
      <c r="Z46" s="147"/>
    </row>
    <row r="47" spans="1:26" s="47" customFormat="1">
      <c r="B47" s="150"/>
      <c r="C47" s="159" t="s">
        <v>133</v>
      </c>
      <c r="D47" s="147">
        <v>267300.3</v>
      </c>
      <c r="E47" s="147">
        <v>113002.6</v>
      </c>
      <c r="F47" s="147">
        <v>61.7</v>
      </c>
      <c r="G47" s="147">
        <v>339179.2</v>
      </c>
      <c r="H47" s="158">
        <v>0.3</v>
      </c>
      <c r="I47" s="147">
        <v>90777</v>
      </c>
      <c r="J47" s="158">
        <v>20.8</v>
      </c>
      <c r="K47" s="158">
        <v>2.2000000000000002</v>
      </c>
      <c r="L47" s="147">
        <v>76647.100000000006</v>
      </c>
      <c r="M47" s="274">
        <v>22.597818498304143</v>
      </c>
      <c r="N47" s="147">
        <v>187</v>
      </c>
      <c r="O47" s="252"/>
      <c r="P47" s="147"/>
      <c r="Q47" s="147"/>
      <c r="R47" s="147"/>
      <c r="S47" s="147"/>
      <c r="T47" s="147"/>
      <c r="U47" s="147"/>
      <c r="V47" s="147"/>
      <c r="W47" s="147"/>
      <c r="X47" s="147"/>
      <c r="Z47" s="147"/>
    </row>
    <row r="48" spans="1:26" s="47" customFormat="1">
      <c r="B48" s="150"/>
      <c r="C48" s="159" t="s">
        <v>134</v>
      </c>
      <c r="D48" s="147">
        <v>152351.4</v>
      </c>
      <c r="E48" s="147">
        <v>30513</v>
      </c>
      <c r="F48" s="147">
        <v>62.3</v>
      </c>
      <c r="G48" s="147">
        <v>171934.3</v>
      </c>
      <c r="H48" s="158">
        <v>0.8</v>
      </c>
      <c r="I48" s="147">
        <v>78306</v>
      </c>
      <c r="J48" s="158">
        <v>19.899999999999999</v>
      </c>
      <c r="K48" s="158">
        <v>2.2999999999999998</v>
      </c>
      <c r="L48" s="147">
        <v>65534</v>
      </c>
      <c r="M48" s="274">
        <v>38.115722110131607</v>
      </c>
      <c r="N48" s="147">
        <v>297.2</v>
      </c>
      <c r="O48" s="252"/>
      <c r="P48" s="147"/>
      <c r="Q48" s="147"/>
      <c r="R48" s="147"/>
      <c r="S48" s="147"/>
      <c r="T48" s="147"/>
      <c r="U48" s="147"/>
      <c r="V48" s="147"/>
      <c r="W48" s="147"/>
      <c r="X48" s="147"/>
      <c r="Z48" s="147"/>
    </row>
    <row r="49" spans="1:26" s="47" customFormat="1">
      <c r="B49" s="150"/>
      <c r="C49" s="159" t="s">
        <v>135</v>
      </c>
      <c r="D49" s="147">
        <v>9643.9</v>
      </c>
      <c r="E49" s="147">
        <v>1172.8</v>
      </c>
      <c r="F49" s="147">
        <v>64.3</v>
      </c>
      <c r="G49" s="147">
        <v>10476.299999999999</v>
      </c>
      <c r="H49" s="158">
        <v>3</v>
      </c>
      <c r="I49" s="147">
        <v>29884</v>
      </c>
      <c r="J49" s="158">
        <v>24.8</v>
      </c>
      <c r="K49" s="158">
        <v>2.2999999999999998</v>
      </c>
      <c r="L49" s="147">
        <v>7323.7</v>
      </c>
      <c r="M49" s="274">
        <v>69.90731460534731</v>
      </c>
      <c r="N49" s="147">
        <v>74.8</v>
      </c>
      <c r="O49" s="252"/>
      <c r="P49" s="147"/>
      <c r="Q49" s="147"/>
      <c r="R49" s="147"/>
      <c r="S49" s="147"/>
      <c r="T49" s="147"/>
      <c r="U49" s="147"/>
      <c r="V49" s="147"/>
      <c r="W49" s="147"/>
      <c r="X49" s="147"/>
      <c r="Z49" s="147"/>
    </row>
    <row r="50" spans="1:26" s="47" customFormat="1">
      <c r="B50" s="150"/>
      <c r="C50" s="159" t="s">
        <v>136</v>
      </c>
      <c r="D50" s="147">
        <v>5964.5</v>
      </c>
      <c r="E50" s="147">
        <v>1834.4</v>
      </c>
      <c r="F50" s="147">
        <v>59.2</v>
      </c>
      <c r="G50" s="147">
        <v>7122.3</v>
      </c>
      <c r="H50" s="158">
        <v>8</v>
      </c>
      <c r="I50" s="147">
        <v>1685</v>
      </c>
      <c r="J50" s="158">
        <v>25.9</v>
      </c>
      <c r="K50" s="158">
        <v>2.4</v>
      </c>
      <c r="L50" s="147">
        <v>7282.6</v>
      </c>
      <c r="M50" s="274">
        <v>102.25067744970025</v>
      </c>
      <c r="N50" s="147">
        <v>147.30000000000001</v>
      </c>
      <c r="O50" s="252"/>
      <c r="P50" s="147"/>
      <c r="Q50" s="147"/>
      <c r="R50" s="147"/>
      <c r="S50" s="147"/>
      <c r="T50" s="147"/>
      <c r="U50" s="147"/>
      <c r="V50" s="147"/>
      <c r="W50" s="147"/>
      <c r="X50" s="147"/>
      <c r="Z50" s="147"/>
    </row>
    <row r="51" spans="1:26" s="47" customFormat="1">
      <c r="B51" s="150"/>
      <c r="C51" s="159" t="s">
        <v>137</v>
      </c>
      <c r="D51" s="147">
        <v>1641.2</v>
      </c>
      <c r="E51" s="147">
        <v>838.8</v>
      </c>
      <c r="F51" s="147">
        <v>41.6</v>
      </c>
      <c r="G51" s="147">
        <v>2183.8000000000002</v>
      </c>
      <c r="H51" s="158">
        <v>15.5</v>
      </c>
      <c r="I51" s="147">
        <v>1492</v>
      </c>
      <c r="J51" s="158">
        <v>28</v>
      </c>
      <c r="K51" s="158">
        <v>1.7</v>
      </c>
      <c r="L51" s="147">
        <v>2856.8</v>
      </c>
      <c r="M51" s="274">
        <v>130.81784046158074</v>
      </c>
      <c r="N51" s="147">
        <v>86.9</v>
      </c>
      <c r="O51" s="252"/>
      <c r="P51" s="147"/>
      <c r="Q51" s="147"/>
      <c r="R51" s="147"/>
      <c r="S51" s="147"/>
      <c r="T51" s="147"/>
      <c r="U51" s="147"/>
      <c r="V51" s="147"/>
      <c r="W51" s="147"/>
      <c r="X51" s="147"/>
      <c r="Z51" s="147"/>
    </row>
    <row r="52" spans="1:26" s="47" customFormat="1">
      <c r="B52" s="150"/>
      <c r="C52" s="159" t="s">
        <v>138</v>
      </c>
      <c r="D52" s="147">
        <v>1.9</v>
      </c>
      <c r="E52" s="147"/>
      <c r="F52" s="147">
        <v>100</v>
      </c>
      <c r="G52" s="147">
        <v>1.9</v>
      </c>
      <c r="H52" s="158">
        <v>25</v>
      </c>
      <c r="I52" s="147">
        <v>121</v>
      </c>
      <c r="J52" s="158">
        <v>11.2</v>
      </c>
      <c r="K52" s="158">
        <v>1</v>
      </c>
      <c r="L52" s="147">
        <v>0.9</v>
      </c>
      <c r="M52" s="274">
        <v>47.368421052631582</v>
      </c>
      <c r="N52" s="147">
        <v>0.1</v>
      </c>
      <c r="O52" s="252"/>
      <c r="P52" s="147"/>
      <c r="Q52" s="147"/>
      <c r="R52" s="147"/>
      <c r="S52" s="147"/>
      <c r="T52" s="147"/>
      <c r="U52" s="147"/>
      <c r="V52" s="147"/>
      <c r="W52" s="147"/>
      <c r="X52" s="147"/>
      <c r="Z52" s="147"/>
    </row>
    <row r="53" spans="1:26" s="47" customFormat="1">
      <c r="B53" s="171"/>
      <c r="C53" s="48" t="s">
        <v>34</v>
      </c>
      <c r="D53" s="172">
        <v>5217.2</v>
      </c>
      <c r="E53" s="172">
        <v>462.4</v>
      </c>
      <c r="F53" s="172">
        <v>38.200000000000003</v>
      </c>
      <c r="G53" s="172">
        <v>5376.3</v>
      </c>
      <c r="H53" s="173">
        <v>100</v>
      </c>
      <c r="I53" s="172">
        <v>938</v>
      </c>
      <c r="J53" s="173">
        <v>16.3</v>
      </c>
      <c r="K53" s="173">
        <v>1.7</v>
      </c>
      <c r="L53" s="172">
        <v>10950</v>
      </c>
      <c r="M53" s="276">
        <v>203.67167010769487</v>
      </c>
      <c r="N53" s="172">
        <v>936.4</v>
      </c>
      <c r="O53" s="252"/>
      <c r="P53" s="147"/>
      <c r="Q53" s="147"/>
      <c r="R53" s="147"/>
      <c r="S53" s="147"/>
      <c r="T53" s="147"/>
      <c r="U53" s="147"/>
      <c r="V53" s="147"/>
      <c r="W53" s="147"/>
      <c r="X53" s="147"/>
      <c r="Z53" s="147"/>
    </row>
    <row r="54" spans="1:26" s="162" customFormat="1">
      <c r="B54" s="175" t="s">
        <v>35</v>
      </c>
      <c r="C54" s="175"/>
      <c r="D54" s="163">
        <v>552972.89999999991</v>
      </c>
      <c r="E54" s="163">
        <v>313442.30000000005</v>
      </c>
      <c r="F54" s="175">
        <v>61.1</v>
      </c>
      <c r="G54" s="163">
        <v>742917.10000000021</v>
      </c>
      <c r="H54" s="176">
        <v>1.2</v>
      </c>
      <c r="I54" s="163">
        <v>226542</v>
      </c>
      <c r="J54" s="176">
        <v>22.9</v>
      </c>
      <c r="K54" s="176">
        <v>2.2999999999999998</v>
      </c>
      <c r="L54" s="163">
        <v>200102.90000000002</v>
      </c>
      <c r="M54" s="277">
        <v>26.934754900647729</v>
      </c>
      <c r="N54" s="163">
        <v>1769.4</v>
      </c>
      <c r="O54" s="163">
        <v>1719.4</v>
      </c>
      <c r="P54" s="147"/>
      <c r="Q54" s="147"/>
      <c r="R54" s="147"/>
      <c r="S54" s="147"/>
      <c r="T54" s="147"/>
      <c r="U54" s="147"/>
      <c r="V54" s="147"/>
      <c r="W54" s="147"/>
      <c r="X54" s="147"/>
      <c r="Z54" s="147"/>
    </row>
    <row r="55" spans="1:26">
      <c r="D55" s="178"/>
      <c r="E55" s="178"/>
      <c r="F55" s="178"/>
      <c r="G55" s="178"/>
      <c r="H55" s="178"/>
      <c r="I55" s="165"/>
      <c r="J55" s="178"/>
      <c r="K55" s="178"/>
      <c r="L55" s="165"/>
      <c r="M55" s="166"/>
      <c r="N55" s="165"/>
      <c r="O55" s="165"/>
      <c r="P55" s="147"/>
      <c r="Q55" s="147"/>
      <c r="R55" s="147"/>
      <c r="S55" s="147"/>
      <c r="T55" s="147"/>
      <c r="U55" s="147"/>
      <c r="V55" s="147"/>
      <c r="W55" s="147"/>
    </row>
    <row r="56" spans="1:26" ht="16.5" customHeight="1">
      <c r="A56" s="150"/>
      <c r="B56" s="150"/>
      <c r="C56" s="150"/>
      <c r="D56" s="180"/>
      <c r="E56" s="180"/>
      <c r="F56" s="180"/>
      <c r="G56" s="180"/>
      <c r="H56" s="180"/>
      <c r="I56" s="180"/>
      <c r="J56" s="180"/>
      <c r="K56" s="180"/>
      <c r="L56" s="180"/>
      <c r="M56" s="279"/>
      <c r="N56" s="180"/>
      <c r="O56" s="180"/>
    </row>
    <row r="57" spans="1:26" ht="51">
      <c r="A57" s="150"/>
      <c r="B57" s="154"/>
      <c r="C57" s="155" t="s">
        <v>27</v>
      </c>
      <c r="D57" s="271" t="s">
        <v>28</v>
      </c>
      <c r="E57" s="271" t="s">
        <v>29</v>
      </c>
      <c r="F57" s="271" t="s">
        <v>130</v>
      </c>
      <c r="G57" s="271" t="s">
        <v>30</v>
      </c>
      <c r="H57" s="271" t="s">
        <v>118</v>
      </c>
      <c r="I57" s="271" t="s">
        <v>31</v>
      </c>
      <c r="J57" s="271" t="s">
        <v>121</v>
      </c>
      <c r="K57" s="271" t="s">
        <v>119</v>
      </c>
      <c r="L57" s="271" t="s">
        <v>156</v>
      </c>
      <c r="M57" s="157" t="s">
        <v>143</v>
      </c>
      <c r="N57" s="271" t="s">
        <v>32</v>
      </c>
      <c r="O57" s="271" t="s">
        <v>33</v>
      </c>
    </row>
    <row r="58" spans="1:26" s="47" customFormat="1">
      <c r="B58" s="50" t="s">
        <v>128</v>
      </c>
      <c r="C58" s="147" t="s">
        <v>132</v>
      </c>
      <c r="D58" s="147">
        <v>33602.6</v>
      </c>
      <c r="E58" s="147">
        <v>15327.7</v>
      </c>
      <c r="F58" s="147">
        <v>53.8</v>
      </c>
      <c r="G58" s="147">
        <v>40106.400000000001</v>
      </c>
      <c r="H58" s="158">
        <v>0.1</v>
      </c>
      <c r="I58" s="147">
        <v>24266</v>
      </c>
      <c r="J58" s="158">
        <v>43</v>
      </c>
      <c r="K58" s="158">
        <v>1.2</v>
      </c>
      <c r="L58" s="147">
        <v>6858.2</v>
      </c>
      <c r="M58" s="274">
        <v>17.100013962858796</v>
      </c>
      <c r="N58" s="147">
        <v>10.4</v>
      </c>
      <c r="O58" s="252"/>
      <c r="P58" s="147"/>
      <c r="Q58" s="147"/>
      <c r="R58" s="147"/>
      <c r="S58" s="147"/>
      <c r="T58" s="147"/>
      <c r="U58" s="147"/>
      <c r="V58" s="147"/>
      <c r="W58" s="147"/>
      <c r="X58" s="147"/>
      <c r="Z58" s="147"/>
    </row>
    <row r="59" spans="1:26" s="47" customFormat="1">
      <c r="B59" s="150"/>
      <c r="C59" s="159" t="s">
        <v>133</v>
      </c>
      <c r="D59" s="147">
        <v>13538.5</v>
      </c>
      <c r="E59" s="147">
        <v>8401.5</v>
      </c>
      <c r="F59" s="147">
        <v>59.7</v>
      </c>
      <c r="G59" s="147">
        <v>15958.8</v>
      </c>
      <c r="H59" s="158">
        <v>0.2</v>
      </c>
      <c r="I59" s="147">
        <v>20961</v>
      </c>
      <c r="J59" s="158">
        <v>43.7</v>
      </c>
      <c r="K59" s="158">
        <v>1.2</v>
      </c>
      <c r="L59" s="147">
        <v>5968.4</v>
      </c>
      <c r="M59" s="274">
        <v>37.398801914930942</v>
      </c>
      <c r="N59" s="147">
        <v>13.7</v>
      </c>
      <c r="O59" s="252"/>
      <c r="P59" s="147"/>
      <c r="Q59" s="147"/>
      <c r="R59" s="147"/>
      <c r="S59" s="147"/>
      <c r="T59" s="147"/>
      <c r="U59" s="147"/>
      <c r="V59" s="147"/>
      <c r="W59" s="147"/>
      <c r="X59" s="147"/>
      <c r="Z59" s="147"/>
    </row>
    <row r="60" spans="1:26" s="47" customFormat="1">
      <c r="B60" s="150"/>
      <c r="C60" s="159" t="s">
        <v>134</v>
      </c>
      <c r="D60" s="147">
        <v>4701.8999999999996</v>
      </c>
      <c r="E60" s="147">
        <v>2167.6</v>
      </c>
      <c r="F60" s="147">
        <v>36.1</v>
      </c>
      <c r="G60" s="147">
        <v>5123.5</v>
      </c>
      <c r="H60" s="158">
        <v>0.8</v>
      </c>
      <c r="I60" s="147">
        <v>3577</v>
      </c>
      <c r="J60" s="158">
        <v>48.1</v>
      </c>
      <c r="K60" s="158">
        <v>1.7</v>
      </c>
      <c r="L60" s="147">
        <v>4627.8</v>
      </c>
      <c r="M60" s="274">
        <v>90.324973162876944</v>
      </c>
      <c r="N60" s="147">
        <v>18.7</v>
      </c>
      <c r="O60" s="252"/>
      <c r="P60" s="147"/>
      <c r="Q60" s="147"/>
      <c r="R60" s="147"/>
      <c r="S60" s="147"/>
      <c r="T60" s="147"/>
      <c r="U60" s="147"/>
      <c r="V60" s="147"/>
      <c r="W60" s="147"/>
      <c r="X60" s="147"/>
      <c r="Z60" s="147"/>
    </row>
    <row r="61" spans="1:26" s="47" customFormat="1">
      <c r="B61" s="150"/>
      <c r="C61" s="159" t="s">
        <v>135</v>
      </c>
      <c r="D61" s="147">
        <v>616.6</v>
      </c>
      <c r="E61" s="147">
        <v>832.8</v>
      </c>
      <c r="F61" s="147">
        <v>77.5</v>
      </c>
      <c r="G61" s="147">
        <v>889.4</v>
      </c>
      <c r="H61" s="158">
        <v>2.1</v>
      </c>
      <c r="I61" s="147">
        <v>810</v>
      </c>
      <c r="J61" s="158">
        <v>55.9</v>
      </c>
      <c r="K61" s="158">
        <v>0.7</v>
      </c>
      <c r="L61" s="147">
        <v>1364.4</v>
      </c>
      <c r="M61" s="274">
        <v>153.40679109512033</v>
      </c>
      <c r="N61" s="147">
        <v>10.4</v>
      </c>
      <c r="O61" s="252"/>
      <c r="P61" s="147"/>
      <c r="Q61" s="147"/>
      <c r="R61" s="147"/>
      <c r="S61" s="147"/>
      <c r="T61" s="147"/>
      <c r="U61" s="147"/>
      <c r="V61" s="147"/>
      <c r="W61" s="147"/>
      <c r="X61" s="147"/>
      <c r="Z61" s="147"/>
    </row>
    <row r="62" spans="1:26" s="47" customFormat="1">
      <c r="B62" s="150"/>
      <c r="C62" s="159" t="s">
        <v>136</v>
      </c>
      <c r="D62" s="147">
        <v>74.2</v>
      </c>
      <c r="E62" s="147">
        <v>219.6</v>
      </c>
      <c r="F62" s="147">
        <v>46</v>
      </c>
      <c r="G62" s="147">
        <v>112.7</v>
      </c>
      <c r="H62" s="158">
        <v>8</v>
      </c>
      <c r="I62" s="147">
        <v>464</v>
      </c>
      <c r="J62" s="158">
        <v>56</v>
      </c>
      <c r="K62" s="158">
        <v>0.6</v>
      </c>
      <c r="L62" s="147">
        <v>272.3</v>
      </c>
      <c r="M62" s="274">
        <v>241.61490683229815</v>
      </c>
      <c r="N62" s="147">
        <v>5</v>
      </c>
      <c r="O62" s="252"/>
      <c r="P62" s="147"/>
      <c r="Q62" s="147"/>
      <c r="R62" s="147"/>
      <c r="S62" s="147"/>
      <c r="T62" s="147"/>
      <c r="U62" s="147"/>
      <c r="V62" s="147"/>
      <c r="W62" s="147"/>
      <c r="X62" s="147"/>
      <c r="Z62" s="147"/>
    </row>
    <row r="63" spans="1:26" s="47" customFormat="1">
      <c r="B63" s="150"/>
      <c r="C63" s="159" t="s">
        <v>137</v>
      </c>
      <c r="D63" s="147">
        <v>368.2</v>
      </c>
      <c r="E63" s="147">
        <v>752.6</v>
      </c>
      <c r="F63" s="147">
        <v>28.9</v>
      </c>
      <c r="G63" s="147">
        <v>493.4</v>
      </c>
      <c r="H63" s="158">
        <v>11.9</v>
      </c>
      <c r="I63" s="147">
        <v>1649</v>
      </c>
      <c r="J63" s="158">
        <v>55.9</v>
      </c>
      <c r="K63" s="158">
        <v>0.6</v>
      </c>
      <c r="L63" s="147">
        <v>1377.8</v>
      </c>
      <c r="M63" s="274">
        <v>279.24604783137414</v>
      </c>
      <c r="N63" s="147">
        <v>32.700000000000003</v>
      </c>
      <c r="O63" s="252"/>
      <c r="P63" s="147"/>
      <c r="Q63" s="147"/>
      <c r="R63" s="147"/>
      <c r="S63" s="147"/>
      <c r="T63" s="147"/>
      <c r="U63" s="147"/>
      <c r="V63" s="147"/>
      <c r="W63" s="147"/>
      <c r="X63" s="147"/>
      <c r="Z63" s="147"/>
    </row>
    <row r="64" spans="1:26" s="47" customFormat="1">
      <c r="B64" s="150"/>
      <c r="C64" s="159" t="s">
        <v>138</v>
      </c>
      <c r="D64" s="147">
        <v>0.1</v>
      </c>
      <c r="E64" s="147">
        <v>4.4000000000000004</v>
      </c>
      <c r="F64" s="147">
        <v>75</v>
      </c>
      <c r="G64" s="147">
        <v>3.4</v>
      </c>
      <c r="H64" s="158">
        <v>25</v>
      </c>
      <c r="I64" s="147">
        <v>270</v>
      </c>
      <c r="J64" s="158">
        <v>56</v>
      </c>
      <c r="K64" s="158">
        <v>0.3</v>
      </c>
      <c r="L64" s="147">
        <v>11.4</v>
      </c>
      <c r="M64" s="274">
        <v>335.29411764705884</v>
      </c>
      <c r="N64" s="147">
        <v>0.5</v>
      </c>
      <c r="O64" s="252"/>
      <c r="P64" s="147"/>
      <c r="Q64" s="147"/>
      <c r="R64" s="147"/>
      <c r="S64" s="147"/>
      <c r="T64" s="147"/>
      <c r="U64" s="147"/>
      <c r="V64" s="147"/>
      <c r="W64" s="147"/>
      <c r="X64" s="147"/>
      <c r="Z64" s="147"/>
    </row>
    <row r="65" spans="1:26" s="47" customFormat="1">
      <c r="B65" s="171"/>
      <c r="C65" s="48" t="s">
        <v>34</v>
      </c>
      <c r="D65" s="172">
        <v>10</v>
      </c>
      <c r="E65" s="172">
        <v>2</v>
      </c>
      <c r="F65" s="172">
        <v>30</v>
      </c>
      <c r="G65" s="172">
        <v>10.6</v>
      </c>
      <c r="H65" s="173">
        <v>100</v>
      </c>
      <c r="I65" s="172">
        <v>333</v>
      </c>
      <c r="J65" s="173">
        <v>42</v>
      </c>
      <c r="K65" s="173">
        <v>1</v>
      </c>
      <c r="L65" s="172">
        <v>55.6</v>
      </c>
      <c r="M65" s="276">
        <v>524.52830188679252</v>
      </c>
      <c r="N65" s="172"/>
      <c r="O65" s="252"/>
      <c r="P65" s="147"/>
      <c r="Q65" s="147"/>
      <c r="R65" s="147"/>
      <c r="S65" s="147"/>
      <c r="T65" s="147"/>
      <c r="U65" s="147"/>
      <c r="V65" s="147"/>
      <c r="W65" s="147"/>
      <c r="X65" s="147"/>
      <c r="Z65" s="147"/>
    </row>
    <row r="66" spans="1:26" s="162" customFormat="1">
      <c r="B66" s="175" t="s">
        <v>35</v>
      </c>
      <c r="C66" s="175"/>
      <c r="D66" s="163">
        <v>52912.099999999991</v>
      </c>
      <c r="E66" s="163">
        <v>27708.199999999997</v>
      </c>
      <c r="F66" s="175">
        <v>55.2</v>
      </c>
      <c r="G66" s="163">
        <v>62698.2</v>
      </c>
      <c r="H66" s="176">
        <v>0.3</v>
      </c>
      <c r="I66" s="163">
        <v>52330</v>
      </c>
      <c r="J66" s="176">
        <v>43.9</v>
      </c>
      <c r="K66" s="176">
        <v>1.3</v>
      </c>
      <c r="L66" s="163">
        <v>20535.899999999998</v>
      </c>
      <c r="M66" s="277">
        <v>32.753571872876734</v>
      </c>
      <c r="N66" s="163">
        <v>91.4</v>
      </c>
      <c r="O66" s="163">
        <v>0</v>
      </c>
      <c r="P66" s="147"/>
      <c r="Q66" s="147"/>
      <c r="R66" s="147"/>
      <c r="S66" s="147"/>
      <c r="T66" s="147"/>
      <c r="U66" s="147"/>
      <c r="V66" s="147"/>
      <c r="W66" s="147"/>
      <c r="X66" s="147"/>
      <c r="Z66" s="147"/>
    </row>
    <row r="67" spans="1:26">
      <c r="B67" s="179"/>
      <c r="C67" s="150"/>
      <c r="D67" s="180"/>
      <c r="E67" s="180"/>
      <c r="F67" s="180"/>
      <c r="G67" s="180"/>
      <c r="H67" s="180"/>
      <c r="I67" s="180"/>
      <c r="J67" s="180"/>
      <c r="K67" s="180"/>
      <c r="L67" s="180"/>
      <c r="M67" s="168"/>
      <c r="N67" s="180"/>
      <c r="O67" s="180"/>
      <c r="P67" s="147"/>
      <c r="Q67" s="147"/>
      <c r="R67" s="147"/>
      <c r="S67" s="147"/>
      <c r="T67" s="147"/>
      <c r="U67" s="147"/>
      <c r="V67" s="147"/>
      <c r="W67" s="147"/>
    </row>
    <row r="68" spans="1:26" ht="16.5" customHeight="1">
      <c r="A68" s="150"/>
      <c r="B68" s="150"/>
      <c r="C68" s="150"/>
      <c r="D68" s="180"/>
      <c r="E68" s="180"/>
      <c r="F68" s="180"/>
      <c r="G68" s="180"/>
      <c r="H68" s="180"/>
      <c r="I68" s="180"/>
      <c r="J68" s="180"/>
      <c r="K68" s="180"/>
      <c r="L68" s="180"/>
      <c r="M68" s="168"/>
      <c r="N68" s="180"/>
      <c r="O68" s="180"/>
    </row>
    <row r="69" spans="1:26" ht="51">
      <c r="A69" s="150"/>
      <c r="B69" s="154"/>
      <c r="C69" s="155" t="s">
        <v>27</v>
      </c>
      <c r="D69" s="271" t="s">
        <v>28</v>
      </c>
      <c r="E69" s="271" t="s">
        <v>29</v>
      </c>
      <c r="F69" s="271" t="s">
        <v>130</v>
      </c>
      <c r="G69" s="271" t="s">
        <v>30</v>
      </c>
      <c r="H69" s="271" t="s">
        <v>118</v>
      </c>
      <c r="I69" s="271" t="s">
        <v>31</v>
      </c>
      <c r="J69" s="271" t="s">
        <v>121</v>
      </c>
      <c r="K69" s="271" t="s">
        <v>119</v>
      </c>
      <c r="L69" s="271" t="s">
        <v>156</v>
      </c>
      <c r="M69" s="157" t="s">
        <v>143</v>
      </c>
      <c r="N69" s="271" t="s">
        <v>32</v>
      </c>
      <c r="O69" s="271" t="s">
        <v>33</v>
      </c>
    </row>
    <row r="70" spans="1:26" s="47" customFormat="1">
      <c r="B70" s="50" t="s">
        <v>129</v>
      </c>
      <c r="C70" s="147" t="s">
        <v>132</v>
      </c>
      <c r="D70" s="147">
        <v>163268.20000000001</v>
      </c>
      <c r="E70" s="147">
        <v>3171</v>
      </c>
      <c r="F70" s="147">
        <v>100</v>
      </c>
      <c r="G70" s="147">
        <v>165276.29999999999</v>
      </c>
      <c r="H70" s="158">
        <v>0.1</v>
      </c>
      <c r="I70" s="147">
        <v>402884</v>
      </c>
      <c r="J70" s="158">
        <v>7</v>
      </c>
      <c r="K70" s="147"/>
      <c r="L70" s="147">
        <v>2741.6</v>
      </c>
      <c r="M70" s="274">
        <v>1.6587980248831804</v>
      </c>
      <c r="N70" s="147">
        <v>10.7</v>
      </c>
      <c r="O70" s="252"/>
      <c r="P70" s="147"/>
      <c r="Q70" s="147"/>
      <c r="R70" s="147"/>
      <c r="S70" s="147"/>
      <c r="T70" s="147"/>
      <c r="U70" s="147"/>
      <c r="V70" s="147"/>
      <c r="W70" s="147"/>
      <c r="X70" s="147"/>
    </row>
    <row r="71" spans="1:26" s="47" customFormat="1">
      <c r="B71" s="150"/>
      <c r="C71" s="159" t="s">
        <v>133</v>
      </c>
      <c r="D71" s="147">
        <v>268998</v>
      </c>
      <c r="E71" s="147">
        <v>28142.1</v>
      </c>
      <c r="F71" s="147">
        <v>99.9</v>
      </c>
      <c r="G71" s="147">
        <v>284035.09999999998</v>
      </c>
      <c r="H71" s="158">
        <v>0.2</v>
      </c>
      <c r="I71" s="147">
        <v>833172</v>
      </c>
      <c r="J71" s="158">
        <v>11.7</v>
      </c>
      <c r="K71" s="147"/>
      <c r="L71" s="147">
        <v>15590</v>
      </c>
      <c r="M71" s="274">
        <v>5.4887582555817929</v>
      </c>
      <c r="N71" s="147">
        <v>77.3</v>
      </c>
      <c r="O71" s="252"/>
      <c r="P71" s="147"/>
      <c r="Q71" s="147"/>
      <c r="R71" s="147"/>
      <c r="S71" s="147"/>
      <c r="T71" s="147"/>
      <c r="U71" s="147"/>
      <c r="V71" s="147"/>
      <c r="W71" s="147"/>
      <c r="X71" s="147"/>
    </row>
    <row r="72" spans="1:26" s="47" customFormat="1">
      <c r="B72" s="150"/>
      <c r="C72" s="159" t="s">
        <v>134</v>
      </c>
      <c r="D72" s="147">
        <v>40521.199999999997</v>
      </c>
      <c r="E72" s="147">
        <v>6342.8</v>
      </c>
      <c r="F72" s="147">
        <v>99.7</v>
      </c>
      <c r="G72" s="147">
        <v>44308.1</v>
      </c>
      <c r="H72" s="158">
        <v>0.9</v>
      </c>
      <c r="I72" s="147">
        <v>146108</v>
      </c>
      <c r="J72" s="158">
        <v>15.6</v>
      </c>
      <c r="K72" s="147"/>
      <c r="L72" s="147">
        <v>8332.7999999999993</v>
      </c>
      <c r="M72" s="274">
        <v>18.806493620805224</v>
      </c>
      <c r="N72" s="147">
        <v>62.1</v>
      </c>
      <c r="O72" s="252"/>
      <c r="P72" s="147"/>
      <c r="Q72" s="147"/>
      <c r="R72" s="147"/>
      <c r="S72" s="147"/>
      <c r="T72" s="147"/>
      <c r="U72" s="147"/>
      <c r="V72" s="147"/>
      <c r="W72" s="147"/>
      <c r="X72" s="147"/>
    </row>
    <row r="73" spans="1:26" s="47" customFormat="1">
      <c r="B73" s="150"/>
      <c r="C73" s="159" t="s">
        <v>135</v>
      </c>
      <c r="D73" s="147">
        <v>11030.6</v>
      </c>
      <c r="E73" s="147">
        <v>398.2</v>
      </c>
      <c r="F73" s="147">
        <v>98.5</v>
      </c>
      <c r="G73" s="147">
        <v>11309</v>
      </c>
      <c r="H73" s="158">
        <v>4.0999999999999996</v>
      </c>
      <c r="I73" s="147">
        <v>30178</v>
      </c>
      <c r="J73" s="158">
        <v>12.5</v>
      </c>
      <c r="K73" s="147"/>
      <c r="L73" s="147">
        <v>4316.7</v>
      </c>
      <c r="M73" s="274">
        <v>38.170483685560171</v>
      </c>
      <c r="N73" s="147">
        <v>58.7</v>
      </c>
      <c r="O73" s="252"/>
      <c r="P73" s="147"/>
      <c r="Q73" s="147"/>
      <c r="R73" s="147"/>
      <c r="S73" s="147"/>
      <c r="T73" s="147"/>
      <c r="U73" s="147"/>
      <c r="V73" s="147"/>
      <c r="W73" s="147"/>
      <c r="X73" s="147"/>
    </row>
    <row r="74" spans="1:26" s="47" customFormat="1">
      <c r="B74" s="150"/>
      <c r="C74" s="159" t="s">
        <v>136</v>
      </c>
      <c r="D74" s="147">
        <v>330.4</v>
      </c>
      <c r="E74" s="147">
        <v>19.5</v>
      </c>
      <c r="F74" s="147">
        <v>95.7</v>
      </c>
      <c r="G74" s="147">
        <v>348.8</v>
      </c>
      <c r="H74" s="158">
        <v>7.4</v>
      </c>
      <c r="I74" s="147">
        <v>1445</v>
      </c>
      <c r="J74" s="158">
        <v>19.3</v>
      </c>
      <c r="K74" s="147"/>
      <c r="L74" s="147">
        <v>219.1</v>
      </c>
      <c r="M74" s="274">
        <v>62.815366972477058</v>
      </c>
      <c r="N74" s="147">
        <v>5</v>
      </c>
      <c r="O74" s="252"/>
      <c r="P74" s="147"/>
      <c r="Q74" s="147"/>
      <c r="R74" s="147"/>
      <c r="S74" s="147"/>
      <c r="T74" s="147"/>
      <c r="U74" s="147"/>
      <c r="V74" s="147"/>
      <c r="W74" s="147"/>
      <c r="X74" s="147"/>
    </row>
    <row r="75" spans="1:26" s="47" customFormat="1">
      <c r="B75" s="150"/>
      <c r="C75" s="159" t="s">
        <v>137</v>
      </c>
      <c r="D75" s="147">
        <v>3912.6</v>
      </c>
      <c r="E75" s="147">
        <v>39.1</v>
      </c>
      <c r="F75" s="147">
        <v>100</v>
      </c>
      <c r="G75" s="147">
        <v>3938</v>
      </c>
      <c r="H75" s="158">
        <v>16.2</v>
      </c>
      <c r="I75" s="147">
        <v>18002</v>
      </c>
      <c r="J75" s="158">
        <v>14.4</v>
      </c>
      <c r="K75" s="147"/>
      <c r="L75" s="147">
        <v>3245.3</v>
      </c>
      <c r="M75" s="274">
        <v>82.409852717115299</v>
      </c>
      <c r="N75" s="147">
        <v>96.6</v>
      </c>
      <c r="O75" s="252"/>
      <c r="P75" s="147"/>
      <c r="Q75" s="147"/>
      <c r="R75" s="147"/>
      <c r="S75" s="147"/>
      <c r="T75" s="147"/>
      <c r="U75" s="147"/>
      <c r="V75" s="147"/>
      <c r="W75" s="147"/>
      <c r="X75" s="147"/>
    </row>
    <row r="76" spans="1:26" s="47" customFormat="1">
      <c r="B76" s="150"/>
      <c r="C76" s="159" t="s">
        <v>138</v>
      </c>
      <c r="D76" s="147">
        <v>1323.1</v>
      </c>
      <c r="E76" s="147">
        <v>7.4</v>
      </c>
      <c r="F76" s="147">
        <v>100</v>
      </c>
      <c r="G76" s="147">
        <v>1330.1</v>
      </c>
      <c r="H76" s="158">
        <v>43.2</v>
      </c>
      <c r="I76" s="147">
        <v>3614</v>
      </c>
      <c r="J76" s="158">
        <v>7.6</v>
      </c>
      <c r="K76" s="147"/>
      <c r="L76" s="147">
        <v>584.1</v>
      </c>
      <c r="M76" s="274">
        <v>43.913991429215855</v>
      </c>
      <c r="N76" s="147">
        <v>43.7</v>
      </c>
      <c r="O76" s="252"/>
      <c r="P76" s="147"/>
      <c r="Q76" s="147"/>
      <c r="R76" s="147"/>
      <c r="S76" s="147"/>
      <c r="T76" s="147"/>
      <c r="U76" s="147"/>
      <c r="V76" s="147"/>
      <c r="W76" s="147"/>
      <c r="X76" s="147"/>
    </row>
    <row r="77" spans="1:26" s="47" customFormat="1">
      <c r="B77" s="171"/>
      <c r="C77" s="48" t="s">
        <v>34</v>
      </c>
      <c r="D77" s="172">
        <v>1717.3</v>
      </c>
      <c r="E77" s="172">
        <v>0.2</v>
      </c>
      <c r="F77" s="172">
        <v>99.7</v>
      </c>
      <c r="G77" s="172">
        <v>1717.6</v>
      </c>
      <c r="H77" s="173">
        <v>100</v>
      </c>
      <c r="I77" s="172">
        <v>8234</v>
      </c>
      <c r="J77" s="173">
        <v>1.3</v>
      </c>
      <c r="K77" s="172"/>
      <c r="L77" s="172">
        <v>287.5</v>
      </c>
      <c r="M77" s="276">
        <v>16.738472286911971</v>
      </c>
      <c r="N77" s="172">
        <v>374.4</v>
      </c>
      <c r="O77" s="252"/>
      <c r="P77" s="147"/>
      <c r="Q77" s="147"/>
      <c r="R77" s="147"/>
      <c r="S77" s="147"/>
      <c r="T77" s="147"/>
      <c r="U77" s="147"/>
      <c r="V77" s="147"/>
      <c r="W77" s="147"/>
      <c r="X77" s="147"/>
    </row>
    <row r="78" spans="1:26" s="162" customFormat="1">
      <c r="B78" s="175" t="s">
        <v>35</v>
      </c>
      <c r="C78" s="175"/>
      <c r="D78" s="163">
        <v>491101.39999999997</v>
      </c>
      <c r="E78" s="163">
        <v>38120.299999999996</v>
      </c>
      <c r="F78" s="175">
        <v>99.9</v>
      </c>
      <c r="G78" s="163">
        <v>512262.99999999988</v>
      </c>
      <c r="H78" s="176">
        <v>0.9</v>
      </c>
      <c r="I78" s="163">
        <v>1443637</v>
      </c>
      <c r="J78" s="176">
        <v>10.5</v>
      </c>
      <c r="K78" s="175"/>
      <c r="L78" s="163">
        <v>35317.1</v>
      </c>
      <c r="M78" s="277">
        <v>6.8943296705012873</v>
      </c>
      <c r="N78" s="163">
        <v>728.5</v>
      </c>
      <c r="O78" s="163">
        <v>554.6</v>
      </c>
      <c r="P78" s="147"/>
      <c r="Q78" s="147"/>
      <c r="R78" s="147"/>
      <c r="S78" s="147"/>
      <c r="T78" s="147"/>
      <c r="U78" s="147"/>
      <c r="V78" s="147"/>
      <c r="W78" s="147"/>
      <c r="X78" s="147"/>
    </row>
    <row r="79" spans="1:26">
      <c r="B79" s="179"/>
      <c r="C79" s="181"/>
      <c r="D79" s="182"/>
      <c r="E79" s="182"/>
      <c r="F79" s="180"/>
      <c r="G79" s="182"/>
      <c r="H79" s="182"/>
      <c r="I79" s="182"/>
      <c r="J79" s="182"/>
      <c r="K79" s="182"/>
      <c r="L79" s="182"/>
      <c r="M79" s="279"/>
      <c r="N79" s="182"/>
      <c r="O79" s="182"/>
    </row>
    <row r="80" spans="1:26" ht="51">
      <c r="A80" s="150"/>
      <c r="B80" s="154"/>
      <c r="C80" s="155" t="s">
        <v>27</v>
      </c>
      <c r="D80" s="271" t="s">
        <v>28</v>
      </c>
      <c r="E80" s="271" t="s">
        <v>29</v>
      </c>
      <c r="F80" s="271" t="s">
        <v>130</v>
      </c>
      <c r="G80" s="271" t="s">
        <v>30</v>
      </c>
      <c r="H80" s="271" t="s">
        <v>118</v>
      </c>
      <c r="I80" s="271" t="s">
        <v>31</v>
      </c>
      <c r="J80" s="271" t="s">
        <v>121</v>
      </c>
      <c r="K80" s="271" t="s">
        <v>119</v>
      </c>
      <c r="L80" s="271" t="s">
        <v>156</v>
      </c>
      <c r="M80" s="157" t="s">
        <v>143</v>
      </c>
      <c r="N80" s="271" t="s">
        <v>32</v>
      </c>
      <c r="O80" s="271" t="s">
        <v>33</v>
      </c>
    </row>
    <row r="81" spans="1:23" s="47" customFormat="1">
      <c r="A81" s="150"/>
      <c r="B81" s="50" t="s">
        <v>125</v>
      </c>
      <c r="C81" s="147" t="s">
        <v>132</v>
      </c>
      <c r="D81" s="147">
        <v>7198.8</v>
      </c>
      <c r="E81" s="147">
        <v>28584.5</v>
      </c>
      <c r="F81" s="147">
        <v>81.497314978397398</v>
      </c>
      <c r="G81" s="147">
        <v>30494.400000000001</v>
      </c>
      <c r="H81" s="158">
        <v>0.1</v>
      </c>
      <c r="I81" s="147">
        <v>199111</v>
      </c>
      <c r="J81" s="158">
        <v>42.1</v>
      </c>
      <c r="K81" s="147"/>
      <c r="L81" s="147">
        <v>2454.9</v>
      </c>
      <c r="M81" s="274">
        <v>8.0503305524948843</v>
      </c>
      <c r="N81" s="147">
        <v>8.6999999999999993</v>
      </c>
      <c r="O81" s="252"/>
      <c r="P81" s="147"/>
      <c r="Q81" s="147"/>
      <c r="R81" s="147"/>
      <c r="S81" s="147"/>
      <c r="T81" s="147"/>
      <c r="U81" s="147"/>
      <c r="V81" s="147"/>
      <c r="W81" s="147"/>
    </row>
    <row r="82" spans="1:23" s="47" customFormat="1">
      <c r="A82" s="150"/>
      <c r="B82" s="150"/>
      <c r="C82" s="159" t="s">
        <v>133</v>
      </c>
      <c r="D82" s="147">
        <v>7276.6</v>
      </c>
      <c r="E82" s="147">
        <v>2372.4</v>
      </c>
      <c r="F82" s="147">
        <v>72.171640532793745</v>
      </c>
      <c r="G82" s="147">
        <v>8988.7999999999993</v>
      </c>
      <c r="H82" s="158">
        <v>0.3</v>
      </c>
      <c r="I82" s="147">
        <v>133110</v>
      </c>
      <c r="J82" s="158">
        <v>54.9</v>
      </c>
      <c r="K82" s="147"/>
      <c r="L82" s="147">
        <v>2594.8000000000002</v>
      </c>
      <c r="M82" s="274">
        <v>28.867034531861879</v>
      </c>
      <c r="N82" s="147">
        <v>13.9</v>
      </c>
      <c r="O82" s="252"/>
      <c r="P82" s="147"/>
      <c r="Q82" s="147"/>
      <c r="R82" s="147"/>
      <c r="S82" s="147"/>
      <c r="T82" s="147"/>
      <c r="U82" s="147"/>
      <c r="V82" s="147"/>
      <c r="W82" s="147"/>
    </row>
    <row r="83" spans="1:23" s="47" customFormat="1">
      <c r="A83" s="150"/>
      <c r="B83" s="150"/>
      <c r="C83" s="159" t="s">
        <v>134</v>
      </c>
      <c r="D83" s="147">
        <v>10372.200000000001</v>
      </c>
      <c r="E83" s="147">
        <v>7442.8</v>
      </c>
      <c r="F83" s="147">
        <v>73.074649325522643</v>
      </c>
      <c r="G83" s="147">
        <v>15811</v>
      </c>
      <c r="H83" s="158">
        <v>0.8</v>
      </c>
      <c r="I83" s="147">
        <v>438359</v>
      </c>
      <c r="J83" s="158">
        <v>45.8</v>
      </c>
      <c r="K83" s="147"/>
      <c r="L83" s="147">
        <v>7032.2</v>
      </c>
      <c r="M83" s="274">
        <v>44.476630194168614</v>
      </c>
      <c r="N83" s="147">
        <v>60.1</v>
      </c>
      <c r="O83" s="252"/>
      <c r="P83" s="147"/>
      <c r="Q83" s="147"/>
      <c r="R83" s="147"/>
      <c r="S83" s="147"/>
      <c r="T83" s="147"/>
      <c r="U83" s="147"/>
      <c r="V83" s="147"/>
      <c r="W83" s="147"/>
    </row>
    <row r="84" spans="1:23" s="47" customFormat="1">
      <c r="B84" s="150"/>
      <c r="C84" s="159" t="s">
        <v>135</v>
      </c>
      <c r="D84" s="147">
        <v>4292</v>
      </c>
      <c r="E84" s="147">
        <v>1484.3</v>
      </c>
      <c r="F84" s="147">
        <v>95.243549147746393</v>
      </c>
      <c r="G84" s="147">
        <v>5705.7</v>
      </c>
      <c r="H84" s="158">
        <v>3.1</v>
      </c>
      <c r="I84" s="147">
        <v>288275</v>
      </c>
      <c r="J84" s="158">
        <v>55.8</v>
      </c>
      <c r="K84" s="147"/>
      <c r="L84" s="147">
        <v>4581.1000000000004</v>
      </c>
      <c r="M84" s="274">
        <v>80.289885553043462</v>
      </c>
      <c r="N84" s="147">
        <v>97.2</v>
      </c>
      <c r="O84" s="252"/>
      <c r="P84" s="147"/>
      <c r="Q84" s="147"/>
      <c r="R84" s="147"/>
      <c r="S84" s="147"/>
      <c r="T84" s="147"/>
      <c r="U84" s="147"/>
      <c r="V84" s="147"/>
      <c r="W84" s="147"/>
    </row>
    <row r="85" spans="1:23" s="47" customFormat="1">
      <c r="B85" s="150"/>
      <c r="C85" s="159" t="s">
        <v>136</v>
      </c>
      <c r="D85" s="147">
        <v>1008.4</v>
      </c>
      <c r="E85" s="147">
        <v>583.20000000000005</v>
      </c>
      <c r="F85" s="147">
        <v>92.026748971193399</v>
      </c>
      <c r="G85" s="147">
        <v>1545.1</v>
      </c>
      <c r="H85" s="158">
        <v>7.3</v>
      </c>
      <c r="I85" s="147">
        <v>16874</v>
      </c>
      <c r="J85" s="158">
        <v>50.7</v>
      </c>
      <c r="K85" s="147"/>
      <c r="L85" s="147">
        <v>1262.2</v>
      </c>
      <c r="M85" s="274">
        <v>81.690505468901691</v>
      </c>
      <c r="N85" s="147">
        <v>57.4</v>
      </c>
      <c r="O85" s="252"/>
      <c r="P85" s="147"/>
      <c r="Q85" s="147"/>
      <c r="R85" s="147"/>
      <c r="S85" s="147"/>
      <c r="T85" s="147"/>
      <c r="U85" s="147"/>
      <c r="V85" s="147"/>
      <c r="W85" s="147"/>
    </row>
    <row r="86" spans="1:23" s="47" customFormat="1">
      <c r="B86" s="150"/>
      <c r="C86" s="159" t="s">
        <v>137</v>
      </c>
      <c r="D86" s="147">
        <v>870.5</v>
      </c>
      <c r="E86" s="147">
        <v>358.9</v>
      </c>
      <c r="F86" s="147">
        <v>102.20117024240736</v>
      </c>
      <c r="G86" s="147">
        <v>1237.3</v>
      </c>
      <c r="H86" s="158">
        <v>13.7</v>
      </c>
      <c r="I86" s="147">
        <v>19468</v>
      </c>
      <c r="J86" s="158">
        <v>63.7</v>
      </c>
      <c r="K86" s="147"/>
      <c r="L86" s="147">
        <v>1542</v>
      </c>
      <c r="M86" s="274">
        <v>124.62620221449932</v>
      </c>
      <c r="N86" s="147">
        <v>102.2</v>
      </c>
      <c r="O86" s="252"/>
      <c r="P86" s="147"/>
      <c r="Q86" s="147"/>
      <c r="R86" s="147"/>
      <c r="S86" s="147"/>
      <c r="T86" s="147"/>
      <c r="U86" s="147"/>
      <c r="V86" s="147"/>
      <c r="W86" s="147"/>
    </row>
    <row r="87" spans="1:23" s="47" customFormat="1">
      <c r="B87" s="150"/>
      <c r="C87" s="159" t="s">
        <v>138</v>
      </c>
      <c r="D87" s="147">
        <v>513.1</v>
      </c>
      <c r="E87" s="147">
        <v>116.3</v>
      </c>
      <c r="F87" s="147">
        <v>128.80481513327598</v>
      </c>
      <c r="G87" s="147">
        <v>662.9</v>
      </c>
      <c r="H87" s="158">
        <v>36.5</v>
      </c>
      <c r="I87" s="147">
        <v>82685</v>
      </c>
      <c r="J87" s="158">
        <v>61.9</v>
      </c>
      <c r="K87" s="147"/>
      <c r="L87" s="147">
        <v>1106.8</v>
      </c>
      <c r="M87" s="274">
        <v>166.9633428873133</v>
      </c>
      <c r="N87" s="147">
        <v>153.4</v>
      </c>
      <c r="O87" s="252"/>
      <c r="P87" s="147"/>
      <c r="Q87" s="147"/>
      <c r="R87" s="147"/>
      <c r="S87" s="147"/>
      <c r="T87" s="147"/>
      <c r="U87" s="147"/>
      <c r="V87" s="147"/>
      <c r="W87" s="147"/>
    </row>
    <row r="88" spans="1:23" s="47" customFormat="1">
      <c r="B88" s="171"/>
      <c r="C88" s="48" t="s">
        <v>34</v>
      </c>
      <c r="D88" s="172">
        <v>1135.9000000000001</v>
      </c>
      <c r="E88" s="172">
        <v>1.4</v>
      </c>
      <c r="F88" s="172">
        <v>85.714285714272734</v>
      </c>
      <c r="G88" s="172">
        <v>1137.0999999999999</v>
      </c>
      <c r="H88" s="173">
        <v>100</v>
      </c>
      <c r="I88" s="172">
        <v>23431</v>
      </c>
      <c r="J88" s="173">
        <v>4.5</v>
      </c>
      <c r="K88" s="172"/>
      <c r="L88" s="172">
        <v>638</v>
      </c>
      <c r="M88" s="276">
        <v>56.107642247823421</v>
      </c>
      <c r="N88" s="172">
        <v>522.20000000000005</v>
      </c>
      <c r="O88" s="252"/>
      <c r="P88" s="147"/>
      <c r="Q88" s="147"/>
      <c r="R88" s="147"/>
      <c r="S88" s="147"/>
      <c r="T88" s="147"/>
      <c r="U88" s="147"/>
      <c r="V88" s="147"/>
      <c r="W88" s="147"/>
    </row>
    <row r="89" spans="1:23" s="162" customFormat="1">
      <c r="B89" s="175" t="s">
        <v>35</v>
      </c>
      <c r="C89" s="175"/>
      <c r="D89" s="163">
        <v>32667.500000000004</v>
      </c>
      <c r="E89" s="163">
        <v>40943.80000000001</v>
      </c>
      <c r="F89" s="175">
        <v>80.390193387032951</v>
      </c>
      <c r="G89" s="163">
        <v>65582.3</v>
      </c>
      <c r="H89" s="176">
        <v>3.1</v>
      </c>
      <c r="I89" s="163">
        <v>1201313</v>
      </c>
      <c r="J89" s="176">
        <v>46.1</v>
      </c>
      <c r="K89" s="175"/>
      <c r="L89" s="163">
        <v>21212</v>
      </c>
      <c r="M89" s="277">
        <v>32.344092842123558</v>
      </c>
      <c r="N89" s="163">
        <v>1015.1</v>
      </c>
      <c r="O89" s="163">
        <v>675</v>
      </c>
      <c r="P89" s="147"/>
      <c r="Q89" s="147"/>
      <c r="R89" s="147"/>
      <c r="S89" s="147"/>
      <c r="T89" s="147"/>
      <c r="U89" s="147"/>
      <c r="V89" s="147"/>
      <c r="W89" s="147"/>
    </row>
    <row r="90" spans="1:23" s="47" customFormat="1" ht="12.6" customHeight="1">
      <c r="B90" s="150"/>
      <c r="C90" s="150"/>
      <c r="D90" s="165"/>
      <c r="E90" s="165"/>
      <c r="F90" s="165"/>
      <c r="G90" s="165"/>
      <c r="H90" s="165"/>
      <c r="I90" s="165"/>
      <c r="J90" s="165"/>
      <c r="K90" s="165"/>
      <c r="L90" s="165"/>
      <c r="M90" s="165"/>
      <c r="N90" s="165"/>
      <c r="O90" s="165"/>
    </row>
    <row r="91" spans="1:23" s="47" customFormat="1">
      <c r="B91" s="51"/>
      <c r="H91" s="166"/>
      <c r="J91" s="166"/>
      <c r="K91" s="166"/>
      <c r="M91" s="167"/>
    </row>
    <row r="92" spans="1:23" s="47" customFormat="1">
      <c r="B92" s="51"/>
      <c r="H92" s="166"/>
      <c r="J92" s="166"/>
      <c r="K92" s="166"/>
      <c r="M92" s="167"/>
    </row>
    <row r="93" spans="1:23">
      <c r="A93" s="150"/>
      <c r="B93" s="150"/>
      <c r="C93" s="150"/>
      <c r="M93" s="167"/>
    </row>
    <row r="94" spans="1:23" ht="16.5" customHeight="1">
      <c r="A94" s="150"/>
      <c r="B94" s="150"/>
      <c r="C94" s="150"/>
      <c r="D94" s="150"/>
      <c r="E94" s="150"/>
      <c r="F94" s="150"/>
      <c r="G94" s="150"/>
      <c r="H94" s="168"/>
      <c r="I94" s="150"/>
      <c r="J94" s="168"/>
      <c r="K94" s="168"/>
      <c r="L94" s="150"/>
      <c r="M94" s="169"/>
      <c r="N94" s="150"/>
      <c r="O94" s="150"/>
      <c r="P94" s="150"/>
      <c r="Q94" s="150"/>
      <c r="R94" s="150"/>
      <c r="S94" s="150"/>
      <c r="T94" s="150"/>
    </row>
    <row r="95" spans="1:23" ht="51">
      <c r="A95" s="150"/>
      <c r="B95" s="154" t="s">
        <v>114</v>
      </c>
      <c r="C95" s="155" t="s">
        <v>27</v>
      </c>
      <c r="D95" s="156" t="s">
        <v>28</v>
      </c>
      <c r="E95" s="156" t="s">
        <v>29</v>
      </c>
      <c r="F95" s="156" t="s">
        <v>130</v>
      </c>
      <c r="G95" s="156" t="s">
        <v>30</v>
      </c>
      <c r="H95" s="157" t="s">
        <v>118</v>
      </c>
      <c r="I95" s="156" t="s">
        <v>31</v>
      </c>
      <c r="J95" s="157" t="s">
        <v>121</v>
      </c>
      <c r="K95" s="157" t="s">
        <v>119</v>
      </c>
      <c r="L95" s="155" t="s">
        <v>156</v>
      </c>
      <c r="M95" s="155" t="s">
        <v>143</v>
      </c>
      <c r="N95" s="155" t="s">
        <v>32</v>
      </c>
      <c r="O95" s="155" t="s">
        <v>33</v>
      </c>
    </row>
    <row r="96" spans="1:23" s="47" customFormat="1" ht="13.5" customHeight="1">
      <c r="A96" s="150"/>
      <c r="B96" s="50" t="s">
        <v>116</v>
      </c>
      <c r="C96" s="147" t="s">
        <v>132</v>
      </c>
      <c r="D96" s="147">
        <v>45979</v>
      </c>
      <c r="E96" s="147">
        <v>60929</v>
      </c>
      <c r="F96" s="147">
        <v>69.915721304477927</v>
      </c>
      <c r="G96" s="147">
        <v>84579</v>
      </c>
      <c r="H96" s="158">
        <v>5.3847175796188085E-2</v>
      </c>
      <c r="I96" s="147">
        <v>726</v>
      </c>
      <c r="J96" s="158">
        <v>35.700600757753101</v>
      </c>
      <c r="K96" s="158">
        <v>2.5000000000000018</v>
      </c>
      <c r="L96" s="147">
        <v>14439</v>
      </c>
      <c r="M96" s="170">
        <v>17.071613521086796</v>
      </c>
      <c r="N96" s="147">
        <v>16.68571596800005</v>
      </c>
      <c r="O96" s="252"/>
      <c r="P96" s="147"/>
      <c r="Q96" s="147"/>
      <c r="R96" s="147"/>
      <c r="S96" s="147"/>
      <c r="T96" s="147"/>
    </row>
    <row r="97" spans="1:20" s="47" customFormat="1" ht="13.5" customHeight="1">
      <c r="A97" s="150"/>
      <c r="B97" s="150"/>
      <c r="C97" s="159" t="s">
        <v>133</v>
      </c>
      <c r="D97" s="147">
        <v>78787</v>
      </c>
      <c r="E97" s="147">
        <v>48563</v>
      </c>
      <c r="F97" s="147">
        <v>70.983030849848589</v>
      </c>
      <c r="G97" s="147">
        <v>107667</v>
      </c>
      <c r="H97" s="158">
        <v>0.2889456052953297</v>
      </c>
      <c r="I97" s="147">
        <v>6008</v>
      </c>
      <c r="J97" s="158">
        <v>38.473311869771173</v>
      </c>
      <c r="K97" s="158">
        <v>2.5000000000000013</v>
      </c>
      <c r="L97" s="147">
        <v>47958</v>
      </c>
      <c r="M97" s="170">
        <v>44.542896152024298</v>
      </c>
      <c r="N97" s="147">
        <v>119.63304252800025</v>
      </c>
      <c r="O97" s="252"/>
      <c r="P97" s="147"/>
      <c r="Q97" s="147"/>
      <c r="R97" s="147"/>
      <c r="S97" s="147"/>
      <c r="T97" s="147"/>
    </row>
    <row r="98" spans="1:20" s="47" customFormat="1" ht="13.5" customHeight="1">
      <c r="A98" s="150"/>
      <c r="B98" s="150"/>
      <c r="C98" s="159" t="s">
        <v>134</v>
      </c>
      <c r="D98" s="147">
        <v>44374</v>
      </c>
      <c r="E98" s="147">
        <v>14647</v>
      </c>
      <c r="F98" s="147">
        <v>71.966030286682852</v>
      </c>
      <c r="G98" s="147">
        <v>54177</v>
      </c>
      <c r="H98" s="158">
        <v>1.0301715766649635</v>
      </c>
      <c r="I98" s="147">
        <v>7098</v>
      </c>
      <c r="J98" s="158">
        <v>39.390261263694697</v>
      </c>
      <c r="K98" s="158">
        <v>2.4999999999999969</v>
      </c>
      <c r="L98" s="147">
        <v>41636</v>
      </c>
      <c r="M98" s="170">
        <v>76.851800579581749</v>
      </c>
      <c r="N98" s="147">
        <v>222.36138767000003</v>
      </c>
      <c r="O98" s="252"/>
      <c r="P98" s="147"/>
      <c r="Q98" s="147"/>
      <c r="R98" s="147"/>
      <c r="S98" s="147"/>
      <c r="T98" s="147"/>
    </row>
    <row r="99" spans="1:20" s="47" customFormat="1" ht="13.5" customHeight="1">
      <c r="A99" s="150"/>
      <c r="B99" s="150"/>
      <c r="C99" s="159" t="s">
        <v>135</v>
      </c>
      <c r="D99" s="147">
        <v>7419</v>
      </c>
      <c r="E99" s="147">
        <v>2260</v>
      </c>
      <c r="F99" s="147">
        <v>65.741877635823712</v>
      </c>
      <c r="G99" s="147">
        <v>8815</v>
      </c>
      <c r="H99" s="158">
        <v>2.7470912957110181</v>
      </c>
      <c r="I99" s="147">
        <v>2754</v>
      </c>
      <c r="J99" s="158">
        <v>39.168991098860964</v>
      </c>
      <c r="K99" s="158">
        <v>2.5000000000000013</v>
      </c>
      <c r="L99" s="147">
        <v>8620</v>
      </c>
      <c r="M99" s="170">
        <v>97.787861599546233</v>
      </c>
      <c r="N99" s="147">
        <v>94.914214513000303</v>
      </c>
      <c r="O99" s="252"/>
      <c r="P99" s="147"/>
      <c r="Q99" s="147"/>
      <c r="R99" s="147"/>
      <c r="S99" s="147"/>
      <c r="T99" s="147"/>
    </row>
    <row r="100" spans="1:20" s="47" customFormat="1" ht="13.5" customHeight="1">
      <c r="A100" s="150"/>
      <c r="B100" s="150"/>
      <c r="C100" s="159" t="s">
        <v>136</v>
      </c>
      <c r="D100" s="147">
        <v>362</v>
      </c>
      <c r="E100" s="147">
        <v>176</v>
      </c>
      <c r="F100" s="147">
        <v>74.611878596258236</v>
      </c>
      <c r="G100" s="147">
        <v>492</v>
      </c>
      <c r="H100" s="158">
        <v>8</v>
      </c>
      <c r="I100" s="147">
        <v>98</v>
      </c>
      <c r="J100" s="158">
        <v>39.094982305319768</v>
      </c>
      <c r="K100" s="158">
        <v>2.4999999999999991</v>
      </c>
      <c r="L100" s="147">
        <v>664</v>
      </c>
      <c r="M100" s="170">
        <v>134.95934959349594</v>
      </c>
      <c r="N100" s="147">
        <v>15.393824104000007</v>
      </c>
      <c r="O100" s="252"/>
      <c r="P100" s="147"/>
      <c r="Q100" s="147"/>
      <c r="R100" s="147"/>
      <c r="S100" s="147"/>
      <c r="T100" s="147"/>
    </row>
    <row r="101" spans="1:20" s="47" customFormat="1" ht="13.5" customHeight="1">
      <c r="A101" s="150"/>
      <c r="B101" s="150"/>
      <c r="C101" s="159" t="s">
        <v>137</v>
      </c>
      <c r="D101" s="147">
        <v>2346</v>
      </c>
      <c r="E101" s="147">
        <v>244</v>
      </c>
      <c r="F101" s="147">
        <v>66.204877176358124</v>
      </c>
      <c r="G101" s="147">
        <v>2492</v>
      </c>
      <c r="H101" s="158">
        <v>13.486259927398752</v>
      </c>
      <c r="I101" s="147">
        <v>370</v>
      </c>
      <c r="J101" s="158">
        <v>38.236122329469616</v>
      </c>
      <c r="K101" s="158">
        <v>2.4999999999999991</v>
      </c>
      <c r="L101" s="147">
        <v>3856</v>
      </c>
      <c r="M101" s="170">
        <v>154.73515248796147</v>
      </c>
      <c r="N101" s="147">
        <v>126.14810619699998</v>
      </c>
      <c r="O101" s="252"/>
      <c r="P101" s="147"/>
      <c r="Q101" s="147"/>
      <c r="R101" s="147"/>
      <c r="S101" s="147"/>
      <c r="T101" s="147"/>
    </row>
    <row r="102" spans="1:20" s="47" customFormat="1" ht="13.5" customHeight="1">
      <c r="A102" s="150"/>
      <c r="B102" s="150"/>
      <c r="C102" s="159" t="s">
        <v>138</v>
      </c>
      <c r="D102" s="147">
        <v>446</v>
      </c>
      <c r="E102" s="147">
        <v>14</v>
      </c>
      <c r="F102" s="147">
        <v>63.368294149922285</v>
      </c>
      <c r="G102" s="147">
        <v>451</v>
      </c>
      <c r="H102" s="158">
        <v>25.000000000000014</v>
      </c>
      <c r="I102" s="147">
        <v>111</v>
      </c>
      <c r="J102" s="158">
        <v>41.746400912696124</v>
      </c>
      <c r="K102" s="158">
        <v>2.4999999999999996</v>
      </c>
      <c r="L102" s="147">
        <v>876</v>
      </c>
      <c r="M102" s="170">
        <v>194.23503325942352</v>
      </c>
      <c r="N102" s="147">
        <v>47.052667270999983</v>
      </c>
      <c r="O102" s="252"/>
      <c r="P102" s="147"/>
      <c r="Q102" s="147"/>
      <c r="R102" s="147"/>
      <c r="S102" s="147"/>
      <c r="T102" s="147"/>
    </row>
    <row r="103" spans="1:20" s="47" customFormat="1" ht="13.5" customHeight="1">
      <c r="A103" s="150"/>
      <c r="B103" s="150"/>
      <c r="C103" s="48" t="s">
        <v>34</v>
      </c>
      <c r="D103" s="147">
        <v>2503</v>
      </c>
      <c r="E103" s="147">
        <v>178</v>
      </c>
      <c r="F103" s="147">
        <v>56.304598160291356</v>
      </c>
      <c r="G103" s="147">
        <v>2600</v>
      </c>
      <c r="H103" s="158">
        <v>100</v>
      </c>
      <c r="I103" s="147">
        <v>374</v>
      </c>
      <c r="J103" s="158">
        <v>41.444775547263184</v>
      </c>
      <c r="K103" s="158">
        <v>2.5</v>
      </c>
      <c r="L103" s="147">
        <v>14</v>
      </c>
      <c r="M103" s="170">
        <v>0.53846153846153844</v>
      </c>
      <c r="N103" s="147">
        <v>1071.926445888</v>
      </c>
      <c r="O103" s="252"/>
      <c r="P103" s="147"/>
      <c r="Q103" s="147"/>
      <c r="R103" s="147"/>
      <c r="S103" s="147"/>
      <c r="T103" s="147"/>
    </row>
    <row r="104" spans="1:20" s="162" customFormat="1" ht="13.5" customHeight="1">
      <c r="A104" s="160"/>
      <c r="B104" s="161" t="s">
        <v>35</v>
      </c>
      <c r="D104" s="163">
        <v>182216</v>
      </c>
      <c r="E104" s="163">
        <v>127011</v>
      </c>
      <c r="F104" s="163">
        <v>70.521158922904547</v>
      </c>
      <c r="G104" s="163">
        <v>261273</v>
      </c>
      <c r="H104" s="164">
        <v>1.6196583275789567</v>
      </c>
      <c r="I104" s="163">
        <v>17539</v>
      </c>
      <c r="J104" s="164">
        <v>37.823288112763699</v>
      </c>
      <c r="K104" s="164">
        <v>2.5000000000000084</v>
      </c>
      <c r="L104" s="163">
        <v>118063</v>
      </c>
      <c r="M104" s="275">
        <v>45.187600708837117</v>
      </c>
      <c r="N104" s="163">
        <v>1714.1154041390005</v>
      </c>
      <c r="O104" s="163">
        <v>1379.7419315999971</v>
      </c>
      <c r="P104" s="147"/>
      <c r="Q104" s="147"/>
      <c r="R104" s="147"/>
      <c r="S104" s="147"/>
      <c r="T104" s="147"/>
    </row>
    <row r="105" spans="1:20">
      <c r="B105" s="51"/>
      <c r="C105" s="47"/>
      <c r="D105" s="165"/>
      <c r="E105" s="47"/>
      <c r="F105" s="47"/>
      <c r="G105" s="47"/>
      <c r="H105" s="166"/>
      <c r="I105" s="47"/>
      <c r="J105" s="166"/>
      <c r="K105" s="166"/>
      <c r="L105" s="47"/>
      <c r="M105" s="167"/>
      <c r="N105" s="47"/>
      <c r="O105" s="47"/>
    </row>
    <row r="106" spans="1:20" ht="16.5" customHeight="1">
      <c r="A106" s="150"/>
      <c r="B106" s="150"/>
      <c r="C106" s="150"/>
      <c r="D106" s="150"/>
      <c r="E106" s="150"/>
      <c r="F106" s="150"/>
      <c r="G106" s="150"/>
      <c r="H106" s="168"/>
      <c r="I106" s="150"/>
      <c r="J106" s="168"/>
      <c r="K106" s="168"/>
      <c r="L106" s="150"/>
      <c r="M106" s="169"/>
      <c r="N106" s="150"/>
      <c r="O106" s="150"/>
    </row>
    <row r="107" spans="1:20" ht="51">
      <c r="A107" s="150"/>
      <c r="B107" s="154"/>
      <c r="C107" s="155" t="s">
        <v>27</v>
      </c>
      <c r="D107" s="156" t="s">
        <v>28</v>
      </c>
      <c r="E107" s="156" t="s">
        <v>29</v>
      </c>
      <c r="F107" s="156" t="s">
        <v>130</v>
      </c>
      <c r="G107" s="156" t="s">
        <v>30</v>
      </c>
      <c r="H107" s="157" t="s">
        <v>118</v>
      </c>
      <c r="I107" s="156" t="s">
        <v>31</v>
      </c>
      <c r="J107" s="157" t="s">
        <v>121</v>
      </c>
      <c r="K107" s="157" t="s">
        <v>119</v>
      </c>
      <c r="L107" s="155" t="s">
        <v>156</v>
      </c>
      <c r="M107" s="155" t="s">
        <v>143</v>
      </c>
      <c r="N107" s="155" t="s">
        <v>32</v>
      </c>
      <c r="O107" s="155" t="s">
        <v>33</v>
      </c>
    </row>
    <row r="108" spans="1:20" s="47" customFormat="1">
      <c r="B108" s="50" t="s">
        <v>126</v>
      </c>
      <c r="C108" s="147" t="s">
        <v>132</v>
      </c>
      <c r="D108" s="147">
        <v>10320</v>
      </c>
      <c r="E108" s="147">
        <v>2172</v>
      </c>
      <c r="F108" s="147">
        <v>49.9697600362556</v>
      </c>
      <c r="G108" s="147">
        <v>4598</v>
      </c>
      <c r="H108" s="158">
        <v>0.04</v>
      </c>
      <c r="I108" s="147">
        <v>174</v>
      </c>
      <c r="J108" s="158">
        <v>40.811882747567097</v>
      </c>
      <c r="K108" s="158">
        <v>2.5</v>
      </c>
      <c r="L108" s="147">
        <v>892</v>
      </c>
      <c r="M108" s="170">
        <v>19.399739016963895</v>
      </c>
      <c r="N108" s="147"/>
      <c r="O108" s="252"/>
    </row>
    <row r="109" spans="1:20" s="47" customFormat="1">
      <c r="B109" s="150"/>
      <c r="C109" s="159" t="s">
        <v>133</v>
      </c>
      <c r="D109" s="147">
        <v>1067</v>
      </c>
      <c r="E109" s="147">
        <v>858</v>
      </c>
      <c r="F109" s="147">
        <v>68.205443155905954</v>
      </c>
      <c r="G109" s="147">
        <v>1629</v>
      </c>
      <c r="H109" s="158">
        <v>0.20877017331948156</v>
      </c>
      <c r="I109" s="147">
        <v>88</v>
      </c>
      <c r="J109" s="158">
        <v>29.285602982466159</v>
      </c>
      <c r="K109" s="158">
        <v>2.5</v>
      </c>
      <c r="L109" s="147">
        <v>531</v>
      </c>
      <c r="M109" s="170">
        <v>32.596685082872931</v>
      </c>
      <c r="N109" s="147">
        <v>1</v>
      </c>
      <c r="O109" s="252"/>
    </row>
    <row r="110" spans="1:20" s="47" customFormat="1">
      <c r="B110" s="150"/>
      <c r="C110" s="159" t="s">
        <v>134</v>
      </c>
      <c r="D110" s="147">
        <v>34</v>
      </c>
      <c r="E110" s="147">
        <v>18</v>
      </c>
      <c r="F110" s="147">
        <v>67.195844127036324</v>
      </c>
      <c r="G110" s="147">
        <v>46</v>
      </c>
      <c r="H110" s="158">
        <v>1.0959117120756217</v>
      </c>
      <c r="I110" s="147">
        <v>24</v>
      </c>
      <c r="J110" s="158">
        <v>6.4528733348438454</v>
      </c>
      <c r="K110" s="158">
        <v>2.5</v>
      </c>
      <c r="L110" s="147">
        <v>8</v>
      </c>
      <c r="M110" s="170">
        <v>17.391304347826086</v>
      </c>
      <c r="N110" s="147"/>
      <c r="O110" s="252"/>
    </row>
    <row r="111" spans="1:20" s="47" customFormat="1">
      <c r="B111" s="150"/>
      <c r="C111" s="159" t="s">
        <v>135</v>
      </c>
      <c r="D111" s="147">
        <v>55</v>
      </c>
      <c r="E111" s="147">
        <v>1</v>
      </c>
      <c r="F111" s="147">
        <v>44.603018196983321</v>
      </c>
      <c r="G111" s="147">
        <v>55</v>
      </c>
      <c r="H111" s="158">
        <v>2.8569340680498487</v>
      </c>
      <c r="I111" s="147">
        <v>15</v>
      </c>
      <c r="J111" s="158">
        <v>45</v>
      </c>
      <c r="K111" s="158">
        <v>2.4999999999999996</v>
      </c>
      <c r="L111" s="147">
        <v>79</v>
      </c>
      <c r="M111" s="170">
        <v>143.63636363636363</v>
      </c>
      <c r="N111" s="147">
        <v>1</v>
      </c>
      <c r="O111" s="252"/>
    </row>
    <row r="112" spans="1:20" s="47" customFormat="1">
      <c r="B112" s="150"/>
      <c r="C112" s="159" t="s">
        <v>136</v>
      </c>
      <c r="D112" s="147"/>
      <c r="E112" s="147"/>
      <c r="F112" s="147" t="s">
        <v>9</v>
      </c>
      <c r="G112" s="147"/>
      <c r="H112" s="158" t="s">
        <v>9</v>
      </c>
      <c r="I112" s="147"/>
      <c r="J112" s="158" t="s">
        <v>9</v>
      </c>
      <c r="K112" s="158" t="s">
        <v>9</v>
      </c>
      <c r="L112" s="147"/>
      <c r="M112" s="170"/>
      <c r="N112" s="147"/>
      <c r="O112" s="252"/>
    </row>
    <row r="113" spans="1:15" s="47" customFormat="1">
      <c r="B113" s="150"/>
      <c r="C113" s="159" t="s">
        <v>137</v>
      </c>
      <c r="D113" s="147"/>
      <c r="E113" s="147"/>
      <c r="F113" s="147" t="s">
        <v>9</v>
      </c>
      <c r="G113" s="147"/>
      <c r="H113" s="158"/>
      <c r="I113" s="147"/>
      <c r="J113" s="158"/>
      <c r="K113" s="158"/>
      <c r="L113" s="147"/>
      <c r="M113" s="170"/>
      <c r="N113" s="147"/>
      <c r="O113" s="252"/>
    </row>
    <row r="114" spans="1:15" s="47" customFormat="1">
      <c r="B114" s="150"/>
      <c r="C114" s="159" t="s">
        <v>138</v>
      </c>
      <c r="D114" s="147">
        <v>5</v>
      </c>
      <c r="E114" s="147">
        <v>11</v>
      </c>
      <c r="F114" s="147">
        <v>20</v>
      </c>
      <c r="G114" s="147">
        <v>7</v>
      </c>
      <c r="H114" s="158">
        <v>25</v>
      </c>
      <c r="I114" s="147">
        <v>8</v>
      </c>
      <c r="J114" s="158">
        <v>31.948291260987734</v>
      </c>
      <c r="K114" s="158">
        <v>2.5</v>
      </c>
      <c r="L114" s="147">
        <v>15</v>
      </c>
      <c r="M114" s="170">
        <v>214.28571428571428</v>
      </c>
      <c r="N114" s="147">
        <v>1</v>
      </c>
      <c r="O114" s="252"/>
    </row>
    <row r="115" spans="1:15" s="47" customFormat="1">
      <c r="B115" s="171"/>
      <c r="C115" s="48" t="s">
        <v>34</v>
      </c>
      <c r="D115" s="172"/>
      <c r="E115" s="172"/>
      <c r="F115" s="172" t="s">
        <v>9</v>
      </c>
      <c r="G115" s="172"/>
      <c r="H115" s="173"/>
      <c r="I115" s="172"/>
      <c r="J115" s="173"/>
      <c r="K115" s="173"/>
      <c r="L115" s="172"/>
      <c r="M115" s="174"/>
      <c r="N115" s="172"/>
      <c r="O115" s="252"/>
    </row>
    <row r="116" spans="1:15" s="162" customFormat="1">
      <c r="B116" s="50" t="s">
        <v>35</v>
      </c>
      <c r="C116" s="50"/>
      <c r="D116" s="175">
        <v>11481</v>
      </c>
      <c r="E116" s="175">
        <v>3060</v>
      </c>
      <c r="F116" s="175">
        <v>56.702198469920695</v>
      </c>
      <c r="G116" s="175">
        <v>6335</v>
      </c>
      <c r="H116" s="176">
        <v>0.14585405149616504</v>
      </c>
      <c r="I116" s="175">
        <v>309</v>
      </c>
      <c r="J116" s="176">
        <v>37.62644036297759</v>
      </c>
      <c r="K116" s="176">
        <v>2.4999999999999996</v>
      </c>
      <c r="L116" s="175">
        <v>1525</v>
      </c>
      <c r="M116" s="302">
        <v>24.072612470402525</v>
      </c>
      <c r="N116" s="175">
        <v>3</v>
      </c>
      <c r="O116" s="163">
        <v>0</v>
      </c>
    </row>
    <row r="117" spans="1:15">
      <c r="B117" s="150"/>
      <c r="C117" s="150"/>
      <c r="D117" s="150"/>
      <c r="E117" s="150"/>
      <c r="F117" s="150"/>
      <c r="G117" s="150"/>
      <c r="H117" s="168"/>
      <c r="I117" s="150"/>
      <c r="J117" s="168"/>
      <c r="K117" s="168"/>
      <c r="L117" s="150"/>
      <c r="M117" s="169"/>
      <c r="N117" s="150"/>
      <c r="O117" s="150"/>
    </row>
    <row r="118" spans="1:15">
      <c r="B118" s="150"/>
      <c r="C118" s="150"/>
      <c r="D118" s="150"/>
      <c r="E118" s="150"/>
      <c r="F118" s="150"/>
      <c r="G118" s="150"/>
      <c r="H118" s="168"/>
      <c r="I118" s="150"/>
      <c r="J118" s="168"/>
      <c r="K118" s="168"/>
      <c r="L118" s="150"/>
      <c r="M118" s="169"/>
      <c r="N118" s="150"/>
      <c r="O118" s="150"/>
    </row>
    <row r="119" spans="1:15" ht="16.5" customHeight="1">
      <c r="A119" s="150"/>
      <c r="B119" s="150"/>
      <c r="C119" s="150"/>
      <c r="D119" s="150"/>
      <c r="E119" s="150"/>
      <c r="F119" s="150"/>
      <c r="G119" s="150"/>
      <c r="H119" s="168"/>
      <c r="I119" s="150"/>
      <c r="J119" s="168"/>
      <c r="K119" s="168"/>
      <c r="L119" s="150"/>
      <c r="M119" s="169"/>
      <c r="N119" s="150"/>
      <c r="O119" s="150"/>
    </row>
    <row r="120" spans="1:15" ht="51">
      <c r="A120" s="150"/>
      <c r="B120" s="154"/>
      <c r="C120" s="155" t="s">
        <v>27</v>
      </c>
      <c r="D120" s="156" t="s">
        <v>28</v>
      </c>
      <c r="E120" s="156" t="s">
        <v>29</v>
      </c>
      <c r="F120" s="156" t="s">
        <v>130</v>
      </c>
      <c r="G120" s="156" t="s">
        <v>30</v>
      </c>
      <c r="H120" s="157" t="s">
        <v>118</v>
      </c>
      <c r="I120" s="156" t="s">
        <v>31</v>
      </c>
      <c r="J120" s="157" t="s">
        <v>121</v>
      </c>
      <c r="K120" s="157" t="s">
        <v>119</v>
      </c>
      <c r="L120" s="155" t="s">
        <v>156</v>
      </c>
      <c r="M120" s="155" t="s">
        <v>143</v>
      </c>
      <c r="N120" s="155" t="s">
        <v>32</v>
      </c>
      <c r="O120" s="155" t="s">
        <v>33</v>
      </c>
    </row>
    <row r="121" spans="1:15" s="47" customFormat="1">
      <c r="B121" s="50" t="s">
        <v>127</v>
      </c>
      <c r="C121" s="147" t="s">
        <v>132</v>
      </c>
      <c r="D121" s="147">
        <v>111457</v>
      </c>
      <c r="E121" s="147">
        <v>176284</v>
      </c>
      <c r="F121" s="147">
        <v>61.221783725024167</v>
      </c>
      <c r="G121" s="147">
        <v>212288</v>
      </c>
      <c r="H121" s="158">
        <v>6.7243922811595414E-2</v>
      </c>
      <c r="I121" s="147">
        <v>24559</v>
      </c>
      <c r="J121" s="158">
        <v>28.223424040982938</v>
      </c>
      <c r="K121" s="158">
        <v>2.424421051417518</v>
      </c>
      <c r="L121" s="147">
        <v>31658.244762865968</v>
      </c>
      <c r="M121" s="170">
        <v>14.912875321669603</v>
      </c>
      <c r="N121" s="147">
        <v>40</v>
      </c>
      <c r="O121" s="252"/>
    </row>
    <row r="122" spans="1:15" s="47" customFormat="1">
      <c r="B122" s="150"/>
      <c r="C122" s="159" t="s">
        <v>133</v>
      </c>
      <c r="D122" s="147">
        <v>271453.81441841734</v>
      </c>
      <c r="E122" s="147">
        <v>107637.95540258606</v>
      </c>
      <c r="F122" s="147">
        <v>61.612272502126451</v>
      </c>
      <c r="G122" s="147">
        <v>334237</v>
      </c>
      <c r="H122" s="158">
        <v>0.27636784541850912</v>
      </c>
      <c r="I122" s="147">
        <v>84985</v>
      </c>
      <c r="J122" s="158">
        <v>21.32830727976301</v>
      </c>
      <c r="K122" s="158">
        <v>2.3137845111929405</v>
      </c>
      <c r="L122" s="147">
        <v>79175.118048585224</v>
      </c>
      <c r="M122" s="170">
        <v>23.688316388845408</v>
      </c>
      <c r="N122" s="147">
        <v>194</v>
      </c>
      <c r="O122" s="252"/>
    </row>
    <row r="123" spans="1:15" s="47" customFormat="1">
      <c r="B123" s="150"/>
      <c r="C123" s="159" t="s">
        <v>134</v>
      </c>
      <c r="D123" s="147">
        <v>149070.46103174379</v>
      </c>
      <c r="E123" s="147">
        <v>36324.476006922021</v>
      </c>
      <c r="F123" s="147">
        <v>61.545727935632385</v>
      </c>
      <c r="G123" s="147">
        <v>170560</v>
      </c>
      <c r="H123" s="158">
        <v>0.85956831004424061</v>
      </c>
      <c r="I123" s="147">
        <v>70693</v>
      </c>
      <c r="J123" s="158">
        <v>19.928033247530653</v>
      </c>
      <c r="K123" s="158">
        <v>2.4198349890440007</v>
      </c>
      <c r="L123" s="147">
        <v>65748.354853024051</v>
      </c>
      <c r="M123" s="170">
        <v>38.548519496379022</v>
      </c>
      <c r="N123" s="147">
        <v>299</v>
      </c>
      <c r="O123" s="252"/>
    </row>
    <row r="124" spans="1:15" s="47" customFormat="1">
      <c r="B124" s="150"/>
      <c r="C124" s="159" t="s">
        <v>135</v>
      </c>
      <c r="D124" s="147">
        <v>11003.926715376991</v>
      </c>
      <c r="E124" s="147">
        <v>1063.3888250639995</v>
      </c>
      <c r="F124" s="147">
        <v>62.963680795933662</v>
      </c>
      <c r="G124" s="147">
        <v>11641</v>
      </c>
      <c r="H124" s="158">
        <v>3.0197848219181722</v>
      </c>
      <c r="I124" s="147">
        <v>24884</v>
      </c>
      <c r="J124" s="158">
        <v>24.336516137305008</v>
      </c>
      <c r="K124" s="158">
        <v>2.3646312641808844</v>
      </c>
      <c r="L124" s="147">
        <v>8134.1518917530057</v>
      </c>
      <c r="M124" s="170">
        <v>69.875026988686585</v>
      </c>
      <c r="N124" s="147">
        <v>89</v>
      </c>
      <c r="O124" s="252"/>
    </row>
    <row r="125" spans="1:15" s="47" customFormat="1">
      <c r="B125" s="150"/>
      <c r="C125" s="159" t="s">
        <v>136</v>
      </c>
      <c r="D125" s="147">
        <v>5980.7195814199986</v>
      </c>
      <c r="E125" s="147">
        <v>1788.3493538069999</v>
      </c>
      <c r="F125" s="147">
        <v>47.807620277988171</v>
      </c>
      <c r="G125" s="147">
        <v>6727</v>
      </c>
      <c r="H125" s="158">
        <v>8</v>
      </c>
      <c r="I125" s="147">
        <v>1288</v>
      </c>
      <c r="J125" s="158">
        <v>16.984128083731001</v>
      </c>
      <c r="K125" s="158">
        <v>2.0575483035159854</v>
      </c>
      <c r="L125" s="147">
        <v>4422.698814981004</v>
      </c>
      <c r="M125" s="170">
        <v>65.745485580214122</v>
      </c>
      <c r="N125" s="147">
        <v>91</v>
      </c>
      <c r="O125" s="252"/>
    </row>
    <row r="126" spans="1:15" s="47" customFormat="1">
      <c r="B126" s="150"/>
      <c r="C126" s="159" t="s">
        <v>137</v>
      </c>
      <c r="D126" s="147">
        <v>2670</v>
      </c>
      <c r="E126" s="147">
        <v>115.19626967699999</v>
      </c>
      <c r="F126" s="147">
        <v>71.111924919540613</v>
      </c>
      <c r="G126" s="147">
        <v>2738</v>
      </c>
      <c r="H126" s="158">
        <v>14.284934745795796</v>
      </c>
      <c r="I126" s="147">
        <v>1017</v>
      </c>
      <c r="J126" s="158">
        <v>26.571296053413985</v>
      </c>
      <c r="K126" s="158">
        <v>1.357679079602033</v>
      </c>
      <c r="L126" s="147">
        <v>3356.0338701270002</v>
      </c>
      <c r="M126" s="170">
        <v>122.57245690748721</v>
      </c>
      <c r="N126" s="147">
        <v>107</v>
      </c>
      <c r="O126" s="252"/>
    </row>
    <row r="127" spans="1:15" s="47" customFormat="1">
      <c r="B127" s="150"/>
      <c r="C127" s="159" t="s">
        <v>138</v>
      </c>
      <c r="D127" s="147"/>
      <c r="E127" s="147"/>
      <c r="F127" s="147"/>
      <c r="G127" s="147"/>
      <c r="H127" s="158"/>
      <c r="I127" s="147"/>
      <c r="J127" s="158"/>
      <c r="K127" s="158"/>
      <c r="L127" s="147"/>
      <c r="M127" s="170"/>
      <c r="N127" s="147"/>
      <c r="O127" s="252"/>
    </row>
    <row r="128" spans="1:15" s="47" customFormat="1">
      <c r="B128" s="171"/>
      <c r="C128" s="48" t="s">
        <v>34</v>
      </c>
      <c r="D128" s="172">
        <v>2899.0840821679999</v>
      </c>
      <c r="E128" s="172">
        <v>322.61841184000014</v>
      </c>
      <c r="F128" s="172">
        <v>42.956072953310745</v>
      </c>
      <c r="G128" s="172">
        <v>3022</v>
      </c>
      <c r="H128" s="173">
        <v>99.999999999999957</v>
      </c>
      <c r="I128" s="172">
        <v>1128</v>
      </c>
      <c r="J128" s="173">
        <v>21.82241450825024</v>
      </c>
      <c r="K128" s="173">
        <v>1.6861912763135665</v>
      </c>
      <c r="L128" s="172">
        <v>8240.7177836750107</v>
      </c>
      <c r="M128" s="174">
        <v>272.69085981717438</v>
      </c>
      <c r="N128" s="172">
        <v>820</v>
      </c>
      <c r="O128" s="252"/>
    </row>
    <row r="129" spans="1:15" s="162" customFormat="1">
      <c r="B129" s="175" t="s">
        <v>35</v>
      </c>
      <c r="C129" s="175"/>
      <c r="D129" s="175">
        <v>554535.00582912611</v>
      </c>
      <c r="E129" s="175">
        <v>323535.98426989606</v>
      </c>
      <c r="F129" s="175">
        <v>61.333857655929719</v>
      </c>
      <c r="G129" s="175">
        <v>741213</v>
      </c>
      <c r="H129" s="176">
        <v>0.9220995517447288</v>
      </c>
      <c r="I129" s="175">
        <v>208554</v>
      </c>
      <c r="J129" s="176">
        <v>23.010100506127948</v>
      </c>
      <c r="K129" s="176">
        <v>2.3622554179778898</v>
      </c>
      <c r="L129" s="175">
        <v>200735.32002501129</v>
      </c>
      <c r="M129" s="302">
        <v>27.082002072954914</v>
      </c>
      <c r="N129" s="175">
        <v>1640</v>
      </c>
      <c r="O129" s="163">
        <v>1746.9843349297068</v>
      </c>
    </row>
    <row r="130" spans="1:15">
      <c r="D130" s="178"/>
      <c r="E130" s="178"/>
      <c r="F130" s="178"/>
      <c r="G130" s="178"/>
      <c r="H130" s="178"/>
      <c r="I130" s="178"/>
      <c r="J130" s="178"/>
      <c r="K130" s="178"/>
      <c r="L130" s="178"/>
      <c r="M130" s="178"/>
      <c r="N130" s="178"/>
      <c r="O130" s="178"/>
    </row>
    <row r="131" spans="1:15" ht="16.5" customHeight="1">
      <c r="A131" s="150"/>
      <c r="B131" s="150"/>
      <c r="C131" s="150"/>
      <c r="D131" s="150"/>
      <c r="E131" s="150"/>
      <c r="F131" s="150"/>
      <c r="G131" s="150"/>
      <c r="H131" s="168"/>
      <c r="I131" s="150"/>
      <c r="J131" s="168"/>
      <c r="K131" s="168"/>
      <c r="L131" s="150"/>
      <c r="M131" s="169"/>
      <c r="N131" s="150"/>
      <c r="O131" s="150"/>
    </row>
    <row r="132" spans="1:15" ht="51">
      <c r="A132" s="150"/>
      <c r="B132" s="154"/>
      <c r="C132" s="155" t="s">
        <v>27</v>
      </c>
      <c r="D132" s="156" t="s">
        <v>28</v>
      </c>
      <c r="E132" s="156" t="s">
        <v>29</v>
      </c>
      <c r="F132" s="156" t="s">
        <v>130</v>
      </c>
      <c r="G132" s="156" t="s">
        <v>30</v>
      </c>
      <c r="H132" s="157" t="s">
        <v>118</v>
      </c>
      <c r="I132" s="156" t="s">
        <v>31</v>
      </c>
      <c r="J132" s="157" t="s">
        <v>121</v>
      </c>
      <c r="K132" s="157" t="s">
        <v>119</v>
      </c>
      <c r="L132" s="155" t="s">
        <v>156</v>
      </c>
      <c r="M132" s="155" t="s">
        <v>143</v>
      </c>
      <c r="N132" s="155" t="s">
        <v>32</v>
      </c>
      <c r="O132" s="155" t="s">
        <v>33</v>
      </c>
    </row>
    <row r="133" spans="1:15" s="47" customFormat="1">
      <c r="B133" s="50" t="s">
        <v>128</v>
      </c>
      <c r="C133" s="147" t="s">
        <v>132</v>
      </c>
      <c r="D133" s="147">
        <v>23898</v>
      </c>
      <c r="E133" s="147">
        <v>14140</v>
      </c>
      <c r="F133" s="147">
        <v>54.066452162444875</v>
      </c>
      <c r="G133" s="147">
        <v>31015</v>
      </c>
      <c r="H133" s="158">
        <v>5.7404596454242229E-2</v>
      </c>
      <c r="I133" s="147">
        <v>21737</v>
      </c>
      <c r="J133" s="158">
        <v>43.163856586210571</v>
      </c>
      <c r="K133" s="158">
        <v>1.337585442155246</v>
      </c>
      <c r="L133" s="147">
        <v>5597</v>
      </c>
      <c r="M133" s="170">
        <v>18.046106722553603</v>
      </c>
      <c r="N133" s="147">
        <v>7.8812333340000036</v>
      </c>
      <c r="O133" s="252"/>
    </row>
    <row r="134" spans="1:15">
      <c r="B134" s="150"/>
      <c r="C134" s="159" t="s">
        <v>133</v>
      </c>
      <c r="D134" s="147">
        <v>7741</v>
      </c>
      <c r="E134" s="147">
        <v>5142.9351151650026</v>
      </c>
      <c r="F134" s="147">
        <v>66.363716524732041</v>
      </c>
      <c r="G134" s="147">
        <v>10313</v>
      </c>
      <c r="H134" s="158">
        <v>0.20492052174974468</v>
      </c>
      <c r="I134" s="147">
        <v>18809</v>
      </c>
      <c r="J134" s="158">
        <v>44.662838760845062</v>
      </c>
      <c r="K134" s="158">
        <v>1.1947325960479551</v>
      </c>
      <c r="L134" s="147">
        <v>3947</v>
      </c>
      <c r="M134" s="170">
        <v>38.272083777756229</v>
      </c>
      <c r="N134" s="147">
        <v>9.5369487010000089</v>
      </c>
      <c r="O134" s="252"/>
    </row>
    <row r="135" spans="1:15">
      <c r="B135" s="150"/>
      <c r="C135" s="159" t="s">
        <v>134</v>
      </c>
      <c r="D135" s="147">
        <v>4353</v>
      </c>
      <c r="E135" s="147">
        <v>1345.5321721570017</v>
      </c>
      <c r="F135" s="147">
        <v>45.472732216549183</v>
      </c>
      <c r="G135" s="147">
        <v>4673</v>
      </c>
      <c r="H135" s="158">
        <v>0.79972022714227187</v>
      </c>
      <c r="I135" s="147">
        <v>3253</v>
      </c>
      <c r="J135" s="158">
        <v>45.838867539001988</v>
      </c>
      <c r="K135" s="158">
        <v>1.9295305322417253</v>
      </c>
      <c r="L135" s="147">
        <v>4153</v>
      </c>
      <c r="M135" s="170">
        <v>88.872244810614163</v>
      </c>
      <c r="N135" s="147">
        <v>15.915428658</v>
      </c>
      <c r="O135" s="252"/>
    </row>
    <row r="136" spans="1:15">
      <c r="B136" s="150"/>
      <c r="C136" s="159" t="s">
        <v>135</v>
      </c>
      <c r="D136" s="147">
        <v>489</v>
      </c>
      <c r="E136" s="147">
        <v>975.13310262000016</v>
      </c>
      <c r="F136" s="147">
        <v>40.748193157144968</v>
      </c>
      <c r="G136" s="147">
        <v>638</v>
      </c>
      <c r="H136" s="158">
        <v>2.0921007863553149</v>
      </c>
      <c r="I136" s="147">
        <v>847</v>
      </c>
      <c r="J136" s="158">
        <v>55.992703187237055</v>
      </c>
      <c r="K136" s="158">
        <v>0.76086539215388715</v>
      </c>
      <c r="L136" s="147">
        <v>984</v>
      </c>
      <c r="M136" s="170">
        <v>154.2319749216301</v>
      </c>
      <c r="N136" s="147">
        <v>7.4722035239999993</v>
      </c>
      <c r="O136" s="252"/>
    </row>
    <row r="137" spans="1:15">
      <c r="B137" s="150"/>
      <c r="C137" s="159" t="s">
        <v>136</v>
      </c>
      <c r="D137" s="147">
        <v>44</v>
      </c>
      <c r="E137" s="147">
        <v>78.358705142999995</v>
      </c>
      <c r="F137" s="147">
        <v>54.465812891275775</v>
      </c>
      <c r="G137" s="147">
        <v>65</v>
      </c>
      <c r="H137" s="158">
        <v>8</v>
      </c>
      <c r="I137" s="147">
        <v>320</v>
      </c>
      <c r="J137" s="158">
        <v>55.998715976223068</v>
      </c>
      <c r="K137" s="158">
        <v>0.92661602882167748</v>
      </c>
      <c r="L137" s="147">
        <v>162</v>
      </c>
      <c r="M137" s="170">
        <v>249.23076923076923</v>
      </c>
      <c r="N137" s="147">
        <v>2.9333049540000005</v>
      </c>
      <c r="O137" s="252"/>
    </row>
    <row r="138" spans="1:15">
      <c r="B138" s="150"/>
      <c r="C138" s="159" t="s">
        <v>137</v>
      </c>
      <c r="D138" s="147">
        <v>329</v>
      </c>
      <c r="E138" s="147">
        <v>628.76032231799991</v>
      </c>
      <c r="F138" s="147">
        <v>23.826940490294138</v>
      </c>
      <c r="G138" s="147">
        <v>440</v>
      </c>
      <c r="H138" s="158">
        <v>12.037259904653405</v>
      </c>
      <c r="I138" s="147">
        <v>1557</v>
      </c>
      <c r="J138" s="158">
        <v>54.804742587740108</v>
      </c>
      <c r="K138" s="158">
        <v>0.61967006321514173</v>
      </c>
      <c r="L138" s="147">
        <v>1214</v>
      </c>
      <c r="M138" s="170">
        <v>275.90909090909093</v>
      </c>
      <c r="N138" s="147">
        <v>28.965889875000013</v>
      </c>
      <c r="O138" s="252"/>
    </row>
    <row r="139" spans="1:15">
      <c r="B139" s="150"/>
      <c r="C139" s="159" t="s">
        <v>138</v>
      </c>
      <c r="D139" s="147"/>
      <c r="E139" s="147">
        <v>77.466571112999986</v>
      </c>
      <c r="F139" s="147">
        <v>9.9999999999999982</v>
      </c>
      <c r="G139" s="147">
        <v>8</v>
      </c>
      <c r="H139" s="158">
        <v>25.000000000000004</v>
      </c>
      <c r="I139" s="147">
        <v>264</v>
      </c>
      <c r="J139" s="158">
        <v>55.999999999999993</v>
      </c>
      <c r="K139" s="158">
        <v>0.11777689664362562</v>
      </c>
      <c r="L139" s="147">
        <v>26</v>
      </c>
      <c r="M139" s="170">
        <v>325</v>
      </c>
      <c r="N139" s="147">
        <v>1.0934303589999999</v>
      </c>
      <c r="O139" s="252"/>
    </row>
    <row r="140" spans="1:15">
      <c r="B140" s="171"/>
      <c r="C140" s="48" t="s">
        <v>34</v>
      </c>
      <c r="D140" s="172">
        <v>10</v>
      </c>
      <c r="E140" s="172">
        <v>2</v>
      </c>
      <c r="F140" s="172">
        <v>30</v>
      </c>
      <c r="G140" s="172">
        <v>10</v>
      </c>
      <c r="H140" s="173">
        <v>100</v>
      </c>
      <c r="I140" s="172">
        <v>274</v>
      </c>
      <c r="J140" s="173">
        <v>41.944058457849899</v>
      </c>
      <c r="K140" s="173">
        <v>1</v>
      </c>
      <c r="L140" s="172">
        <v>55</v>
      </c>
      <c r="M140" s="174">
        <v>550</v>
      </c>
      <c r="N140" s="172"/>
      <c r="O140" s="252"/>
    </row>
    <row r="141" spans="1:15" s="43" customFormat="1">
      <c r="B141" s="175" t="s">
        <v>35</v>
      </c>
      <c r="C141" s="175"/>
      <c r="D141" s="175">
        <v>36864</v>
      </c>
      <c r="E141" s="175">
        <v>22390.185988516005</v>
      </c>
      <c r="F141" s="175">
        <v>56.557228457138052</v>
      </c>
      <c r="G141" s="175">
        <v>47162</v>
      </c>
      <c r="H141" s="176">
        <v>0.33990721552654923</v>
      </c>
      <c r="I141" s="175">
        <v>47061</v>
      </c>
      <c r="J141" s="176">
        <v>44.058511696639677</v>
      </c>
      <c r="K141" s="176">
        <v>1.3496487723103736</v>
      </c>
      <c r="L141" s="175">
        <v>16138</v>
      </c>
      <c r="M141" s="302">
        <v>34.218226538314745</v>
      </c>
      <c r="N141" s="175">
        <v>73.798439405000025</v>
      </c>
      <c r="O141" s="163">
        <v>0</v>
      </c>
    </row>
    <row r="142" spans="1:15">
      <c r="B142" s="179"/>
      <c r="C142" s="150"/>
      <c r="D142" s="180"/>
      <c r="E142" s="180"/>
      <c r="F142" s="180"/>
      <c r="G142" s="180"/>
      <c r="H142" s="180"/>
      <c r="I142" s="180"/>
      <c r="J142" s="180"/>
      <c r="K142" s="180"/>
      <c r="L142" s="180"/>
      <c r="M142" s="180"/>
      <c r="N142" s="180"/>
      <c r="O142" s="180"/>
    </row>
    <row r="143" spans="1:15" ht="16.5" customHeight="1">
      <c r="A143" s="150"/>
      <c r="B143" s="150"/>
      <c r="C143" s="150"/>
      <c r="D143" s="180"/>
      <c r="E143" s="180"/>
      <c r="F143" s="180"/>
      <c r="G143" s="180"/>
      <c r="H143" s="180"/>
      <c r="I143" s="180"/>
      <c r="J143" s="180"/>
      <c r="K143" s="180"/>
      <c r="L143" s="180"/>
      <c r="M143" s="180"/>
      <c r="N143" s="180"/>
      <c r="O143" s="180"/>
    </row>
    <row r="144" spans="1:15" ht="51">
      <c r="A144" s="150"/>
      <c r="B144" s="154"/>
      <c r="C144" s="155" t="s">
        <v>27</v>
      </c>
      <c r="D144" s="156" t="s">
        <v>28</v>
      </c>
      <c r="E144" s="156" t="s">
        <v>29</v>
      </c>
      <c r="F144" s="156" t="s">
        <v>130</v>
      </c>
      <c r="G144" s="156" t="s">
        <v>30</v>
      </c>
      <c r="H144" s="157" t="s">
        <v>118</v>
      </c>
      <c r="I144" s="156" t="s">
        <v>31</v>
      </c>
      <c r="J144" s="157" t="s">
        <v>121</v>
      </c>
      <c r="K144" s="157" t="s">
        <v>119</v>
      </c>
      <c r="L144" s="155" t="s">
        <v>156</v>
      </c>
      <c r="M144" s="155" t="s">
        <v>143</v>
      </c>
      <c r="N144" s="155" t="s">
        <v>32</v>
      </c>
      <c r="O144" s="155" t="s">
        <v>33</v>
      </c>
    </row>
    <row r="145" spans="1:15" s="47" customFormat="1">
      <c r="B145" s="50" t="s">
        <v>129</v>
      </c>
      <c r="C145" s="147" t="s">
        <v>132</v>
      </c>
      <c r="D145" s="147">
        <v>152993</v>
      </c>
      <c r="E145" s="147">
        <v>2353.2676705399999</v>
      </c>
      <c r="F145" s="147">
        <v>100.00000000000004</v>
      </c>
      <c r="G145" s="147">
        <v>154560.35349787903</v>
      </c>
      <c r="H145" s="158">
        <v>9.0930070924702372E-2</v>
      </c>
      <c r="I145" s="147">
        <v>382230</v>
      </c>
      <c r="J145" s="158">
        <v>6.9856960584653844</v>
      </c>
      <c r="K145" s="158"/>
      <c r="L145" s="147">
        <v>2540.8633805330051</v>
      </c>
      <c r="M145" s="170">
        <v>1.6439295867474013</v>
      </c>
      <c r="N145" s="147">
        <v>9.8926091230000228</v>
      </c>
      <c r="O145" s="252"/>
    </row>
    <row r="146" spans="1:15" s="47" customFormat="1">
      <c r="B146" s="150"/>
      <c r="C146" s="159" t="s">
        <v>133</v>
      </c>
      <c r="D146" s="147">
        <v>250703</v>
      </c>
      <c r="E146" s="147">
        <v>23069.923423551016</v>
      </c>
      <c r="F146" s="147">
        <v>99.929014670831279</v>
      </c>
      <c r="G146" s="147">
        <v>263188.46765612497</v>
      </c>
      <c r="H146" s="158">
        <v>0.19872517951830324</v>
      </c>
      <c r="I146" s="147">
        <v>740372</v>
      </c>
      <c r="J146" s="158">
        <v>11.256068305935461</v>
      </c>
      <c r="K146" s="158"/>
      <c r="L146" s="147">
        <v>13234.51839061403</v>
      </c>
      <c r="M146" s="170">
        <v>5.0285327881105717</v>
      </c>
      <c r="N146" s="147">
        <v>64.208305501000211</v>
      </c>
      <c r="O146" s="252"/>
    </row>
    <row r="147" spans="1:15" s="47" customFormat="1">
      <c r="B147" s="150"/>
      <c r="C147" s="159" t="s">
        <v>134</v>
      </c>
      <c r="D147" s="147">
        <v>56621</v>
      </c>
      <c r="E147" s="147">
        <v>5182.7306926629899</v>
      </c>
      <c r="F147" s="147">
        <v>99.58200346590489</v>
      </c>
      <c r="G147" s="147">
        <v>59804.706169120116</v>
      </c>
      <c r="H147" s="158">
        <v>0.80390888543202144</v>
      </c>
      <c r="I147" s="147">
        <v>241363</v>
      </c>
      <c r="J147" s="158">
        <v>15.696572050663425</v>
      </c>
      <c r="K147" s="158"/>
      <c r="L147" s="147">
        <v>10491.886726310024</v>
      </c>
      <c r="M147" s="170">
        <v>17.543580427667848</v>
      </c>
      <c r="N147" s="147">
        <v>74.703061394000244</v>
      </c>
      <c r="O147" s="252"/>
    </row>
    <row r="148" spans="1:15" s="47" customFormat="1">
      <c r="B148" s="150"/>
      <c r="C148" s="159" t="s">
        <v>135</v>
      </c>
      <c r="D148" s="147">
        <v>10186</v>
      </c>
      <c r="E148" s="147">
        <v>393.00407892900006</v>
      </c>
      <c r="F148" s="147">
        <v>98.176323560669829</v>
      </c>
      <c r="G148" s="147">
        <v>10436.700363556023</v>
      </c>
      <c r="H148" s="158">
        <v>4.0300025193965405</v>
      </c>
      <c r="I148" s="147">
        <v>28753</v>
      </c>
      <c r="J148" s="158">
        <v>12.691959309127748</v>
      </c>
      <c r="K148" s="158"/>
      <c r="L148" s="147">
        <v>3963.676122947003</v>
      </c>
      <c r="M148" s="170">
        <v>37.978249685003775</v>
      </c>
      <c r="N148" s="147">
        <v>52.949286960000137</v>
      </c>
      <c r="O148" s="252"/>
    </row>
    <row r="149" spans="1:15" s="47" customFormat="1">
      <c r="B149" s="150"/>
      <c r="C149" s="159" t="s">
        <v>136</v>
      </c>
      <c r="D149" s="147">
        <v>1434</v>
      </c>
      <c r="E149" s="147">
        <v>5.8351672719999979</v>
      </c>
      <c r="F149" s="147">
        <v>93.159432528263608</v>
      </c>
      <c r="G149" s="147">
        <v>1438.7162187169988</v>
      </c>
      <c r="H149" s="158">
        <v>7.9073351791766884</v>
      </c>
      <c r="I149" s="147">
        <v>8248</v>
      </c>
      <c r="J149" s="158">
        <v>15.766597685716713</v>
      </c>
      <c r="K149" s="158"/>
      <c r="L149" s="147">
        <v>972.09588005799969</v>
      </c>
      <c r="M149" s="170">
        <v>67.566895223081843</v>
      </c>
      <c r="N149" s="147">
        <v>17.968097792999981</v>
      </c>
      <c r="O149" s="252"/>
    </row>
    <row r="150" spans="1:15" s="47" customFormat="1">
      <c r="B150" s="150"/>
      <c r="C150" s="159" t="s">
        <v>137</v>
      </c>
      <c r="D150" s="147">
        <v>2604</v>
      </c>
      <c r="E150" s="147">
        <v>6.0687829059999991</v>
      </c>
      <c r="F150" s="147">
        <v>100.00000000000001</v>
      </c>
      <c r="G150" s="147">
        <v>2608.1989432559972</v>
      </c>
      <c r="H150" s="158">
        <v>14.937860163033038</v>
      </c>
      <c r="I150" s="147">
        <v>10346</v>
      </c>
      <c r="J150" s="158">
        <v>13.552764938587229</v>
      </c>
      <c r="K150" s="158"/>
      <c r="L150" s="147">
        <v>1980.3575841599993</v>
      </c>
      <c r="M150" s="170">
        <v>75.928164501431027</v>
      </c>
      <c r="N150" s="147">
        <v>56.422480536999828</v>
      </c>
      <c r="O150" s="252"/>
    </row>
    <row r="151" spans="1:15" s="47" customFormat="1">
      <c r="B151" s="150"/>
      <c r="C151" s="159" t="s">
        <v>138</v>
      </c>
      <c r="D151" s="147">
        <v>1325</v>
      </c>
      <c r="E151" s="147">
        <v>27.714196999999999</v>
      </c>
      <c r="F151" s="147">
        <v>100</v>
      </c>
      <c r="G151" s="147">
        <v>1342.2290491729993</v>
      </c>
      <c r="H151" s="158">
        <v>43.281813785172474</v>
      </c>
      <c r="I151" s="147">
        <v>3672</v>
      </c>
      <c r="J151" s="158">
        <v>8.299182944199309</v>
      </c>
      <c r="K151" s="158"/>
      <c r="L151" s="147">
        <v>641.42648120200045</v>
      </c>
      <c r="M151" s="170">
        <v>47.788153713198859</v>
      </c>
      <c r="N151" s="147">
        <v>48.154018143999991</v>
      </c>
      <c r="O151" s="252"/>
    </row>
    <row r="152" spans="1:15" s="47" customFormat="1">
      <c r="B152" s="171"/>
      <c r="C152" s="48" t="s">
        <v>34</v>
      </c>
      <c r="D152" s="172">
        <v>1777</v>
      </c>
      <c r="E152" s="172"/>
      <c r="F152" s="172"/>
      <c r="G152" s="172">
        <v>1776.9259900520042</v>
      </c>
      <c r="H152" s="173">
        <v>99.999999999999588</v>
      </c>
      <c r="I152" s="172">
        <v>8581</v>
      </c>
      <c r="J152" s="173">
        <v>1.14466324359886</v>
      </c>
      <c r="K152" s="173"/>
      <c r="L152" s="172">
        <v>254.24773344999983</v>
      </c>
      <c r="M152" s="174">
        <v>14.308290546336085</v>
      </c>
      <c r="N152" s="172">
        <v>400.89229462999947</v>
      </c>
      <c r="O152" s="252"/>
    </row>
    <row r="153" spans="1:15" s="162" customFormat="1">
      <c r="B153" s="175" t="s">
        <v>35</v>
      </c>
      <c r="C153" s="175"/>
      <c r="D153" s="175">
        <v>477643</v>
      </c>
      <c r="E153" s="175">
        <v>31038.544012861006</v>
      </c>
      <c r="F153" s="175">
        <v>99.846028214167717</v>
      </c>
      <c r="G153" s="175">
        <v>495156.29788787809</v>
      </c>
      <c r="H153" s="176">
        <v>0.89389522852592118</v>
      </c>
      <c r="I153" s="175">
        <v>1423565</v>
      </c>
      <c r="J153" s="176">
        <v>10.470583637116643</v>
      </c>
      <c r="K153" s="176"/>
      <c r="L153" s="175">
        <v>34079.072299274056</v>
      </c>
      <c r="M153" s="302">
        <v>6.8824879022322021</v>
      </c>
      <c r="N153" s="175">
        <v>725.19015408199982</v>
      </c>
      <c r="O153" s="163">
        <v>675.57569615656212</v>
      </c>
    </row>
    <row r="154" spans="1:15">
      <c r="B154" s="179"/>
      <c r="C154" s="181"/>
      <c r="D154" s="182"/>
      <c r="E154" s="181"/>
      <c r="F154" s="180"/>
      <c r="G154" s="181"/>
      <c r="H154" s="183"/>
      <c r="I154" s="181"/>
      <c r="J154" s="183"/>
      <c r="K154" s="183"/>
      <c r="L154" s="181"/>
      <c r="M154" s="169"/>
      <c r="N154" s="181"/>
      <c r="O154" s="181"/>
    </row>
    <row r="155" spans="1:15" ht="51">
      <c r="A155" s="150"/>
      <c r="B155" s="154"/>
      <c r="C155" s="155" t="s">
        <v>27</v>
      </c>
      <c r="D155" s="156" t="s">
        <v>28</v>
      </c>
      <c r="E155" s="156" t="s">
        <v>29</v>
      </c>
      <c r="F155" s="156" t="s">
        <v>130</v>
      </c>
      <c r="G155" s="156" t="s">
        <v>30</v>
      </c>
      <c r="H155" s="157" t="s">
        <v>118</v>
      </c>
      <c r="I155" s="156" t="s">
        <v>31</v>
      </c>
      <c r="J155" s="157" t="s">
        <v>121</v>
      </c>
      <c r="K155" s="157" t="s">
        <v>119</v>
      </c>
      <c r="L155" s="155" t="s">
        <v>156</v>
      </c>
      <c r="M155" s="155" t="s">
        <v>143</v>
      </c>
      <c r="N155" s="155" t="s">
        <v>32</v>
      </c>
      <c r="O155" s="155" t="s">
        <v>33</v>
      </c>
    </row>
    <row r="156" spans="1:15" s="47" customFormat="1">
      <c r="B156" s="50" t="s">
        <v>125</v>
      </c>
      <c r="C156" s="147" t="s">
        <v>132</v>
      </c>
      <c r="D156" s="147">
        <v>7184.9188302219964</v>
      </c>
      <c r="E156" s="147">
        <v>29064.254933266984</v>
      </c>
      <c r="F156" s="147">
        <v>80.34639533473532</v>
      </c>
      <c r="G156" s="147">
        <v>30537</v>
      </c>
      <c r="H156" s="158">
        <v>6.1035288424449857E-2</v>
      </c>
      <c r="I156" s="147">
        <v>201004</v>
      </c>
      <c r="J156" s="158">
        <v>42.002441707773258</v>
      </c>
      <c r="K156" s="158"/>
      <c r="L156" s="147">
        <v>2452</v>
      </c>
      <c r="M156" s="170">
        <v>8.0296034319022827</v>
      </c>
      <c r="N156" s="147">
        <v>8.7104809430000039</v>
      </c>
      <c r="O156" s="252"/>
    </row>
    <row r="157" spans="1:15" s="47" customFormat="1">
      <c r="B157" s="150"/>
      <c r="C157" s="159" t="s">
        <v>133</v>
      </c>
      <c r="D157" s="147">
        <v>7149.2999848709906</v>
      </c>
      <c r="E157" s="147">
        <v>2426.6835598060015</v>
      </c>
      <c r="F157" s="147">
        <v>74.451405410000973</v>
      </c>
      <c r="G157" s="147">
        <v>8956</v>
      </c>
      <c r="H157" s="158">
        <v>0.27635379525282444</v>
      </c>
      <c r="I157" s="147">
        <v>139622</v>
      </c>
      <c r="J157" s="158">
        <v>53.333936895195073</v>
      </c>
      <c r="K157" s="158"/>
      <c r="L157" s="147">
        <v>2475</v>
      </c>
      <c r="M157" s="170">
        <v>27.635104957570345</v>
      </c>
      <c r="N157" s="147">
        <v>13.19232439699995</v>
      </c>
      <c r="O157" s="252"/>
    </row>
    <row r="158" spans="1:15" s="47" customFormat="1">
      <c r="B158" s="150"/>
      <c r="C158" s="159" t="s">
        <v>134</v>
      </c>
      <c r="D158" s="147">
        <v>10732.87272282802</v>
      </c>
      <c r="E158" s="147">
        <v>7512.2026679529699</v>
      </c>
      <c r="F158" s="147">
        <v>72.390582596646539</v>
      </c>
      <c r="G158" s="147">
        <v>16171</v>
      </c>
      <c r="H158" s="158">
        <v>0.80427726725578796</v>
      </c>
      <c r="I158" s="147">
        <v>401623</v>
      </c>
      <c r="J158" s="158">
        <v>45.264486373471428</v>
      </c>
      <c r="K158" s="158"/>
      <c r="L158" s="147">
        <v>7057</v>
      </c>
      <c r="M158" s="170">
        <v>43.639849112608992</v>
      </c>
      <c r="N158" s="147">
        <v>59.620881375000067</v>
      </c>
      <c r="O158" s="252"/>
    </row>
    <row r="159" spans="1:15" s="47" customFormat="1">
      <c r="B159" s="150"/>
      <c r="C159" s="159" t="s">
        <v>135</v>
      </c>
      <c r="D159" s="147">
        <v>4483.2189269920118</v>
      </c>
      <c r="E159" s="147">
        <v>1324.7842957130006</v>
      </c>
      <c r="F159" s="147">
        <v>97.508785180213053</v>
      </c>
      <c r="G159" s="147">
        <v>5775</v>
      </c>
      <c r="H159" s="158">
        <v>3.0126491529422212</v>
      </c>
      <c r="I159" s="147">
        <v>314225</v>
      </c>
      <c r="J159" s="158">
        <v>55.460392467480645</v>
      </c>
      <c r="K159" s="158"/>
      <c r="L159" s="147">
        <v>4583</v>
      </c>
      <c r="M159" s="170">
        <v>79.359307359307365</v>
      </c>
      <c r="N159" s="147">
        <v>96.21529548000025</v>
      </c>
      <c r="O159" s="252"/>
    </row>
    <row r="160" spans="1:15" s="47" customFormat="1">
      <c r="B160" s="150"/>
      <c r="C160" s="159" t="s">
        <v>136</v>
      </c>
      <c r="D160" s="147">
        <v>1233.7121421190036</v>
      </c>
      <c r="E160" s="147">
        <v>532.55555301300035</v>
      </c>
      <c r="F160" s="147">
        <v>93.002101861269253</v>
      </c>
      <c r="G160" s="147">
        <v>1729</v>
      </c>
      <c r="H160" s="158">
        <v>7.4053103768330688</v>
      </c>
      <c r="I160" s="147">
        <v>16584</v>
      </c>
      <c r="J160" s="158">
        <v>50.109647613015021</v>
      </c>
      <c r="K160" s="158"/>
      <c r="L160" s="147">
        <v>1402</v>
      </c>
      <c r="M160" s="170">
        <v>81.087333718912674</v>
      </c>
      <c r="N160" s="147">
        <v>63.93564131099992</v>
      </c>
      <c r="O160" s="252"/>
    </row>
    <row r="161" spans="1:20" s="47" customFormat="1">
      <c r="B161" s="150"/>
      <c r="C161" s="159" t="s">
        <v>137</v>
      </c>
      <c r="D161" s="147">
        <v>938.99624699799938</v>
      </c>
      <c r="E161" s="147">
        <v>333.66024049400016</v>
      </c>
      <c r="F161" s="147">
        <v>108.19501672345409</v>
      </c>
      <c r="G161" s="147">
        <v>1300</v>
      </c>
      <c r="H161" s="158">
        <v>14.067881174417103</v>
      </c>
      <c r="I161" s="147">
        <v>11800</v>
      </c>
      <c r="J161" s="158">
        <v>63.703292739543215</v>
      </c>
      <c r="K161" s="158"/>
      <c r="L161" s="147">
        <v>1639</v>
      </c>
      <c r="M161" s="170">
        <v>126.07692307692308</v>
      </c>
      <c r="N161" s="147">
        <v>110.53666093300002</v>
      </c>
      <c r="O161" s="252"/>
    </row>
    <row r="162" spans="1:20" s="47" customFormat="1">
      <c r="B162" s="150"/>
      <c r="C162" s="159" t="s">
        <v>138</v>
      </c>
      <c r="D162" s="147">
        <v>627.53904729899932</v>
      </c>
      <c r="E162" s="147">
        <v>125.42608712699997</v>
      </c>
      <c r="F162" s="147">
        <v>140.68919532052803</v>
      </c>
      <c r="G162" s="147">
        <v>804</v>
      </c>
      <c r="H162" s="158">
        <v>37.327633944461716</v>
      </c>
      <c r="I162" s="147">
        <v>79700</v>
      </c>
      <c r="J162" s="158">
        <v>59.905039930951219</v>
      </c>
      <c r="K162" s="158"/>
      <c r="L162" s="147">
        <v>1291</v>
      </c>
      <c r="M162" s="170">
        <v>160.5721393034826</v>
      </c>
      <c r="N162" s="147">
        <v>184.94816287999933</v>
      </c>
      <c r="O162" s="252"/>
    </row>
    <row r="163" spans="1:20" s="47" customFormat="1">
      <c r="B163" s="171"/>
      <c r="C163" s="48" t="s">
        <v>34</v>
      </c>
      <c r="D163" s="172">
        <v>1160.4944110620006</v>
      </c>
      <c r="E163" s="172">
        <v>6.4024007259999998</v>
      </c>
      <c r="F163" s="172">
        <v>101.61171123794776</v>
      </c>
      <c r="G163" s="172">
        <v>1167</v>
      </c>
      <c r="H163" s="173">
        <v>100.00000000000004</v>
      </c>
      <c r="I163" s="172">
        <v>25524</v>
      </c>
      <c r="J163" s="173">
        <v>4.2770693419129531</v>
      </c>
      <c r="K163" s="173"/>
      <c r="L163" s="172">
        <v>624</v>
      </c>
      <c r="M163" s="174">
        <v>53.470437017994854</v>
      </c>
      <c r="N163" s="172">
        <v>534.3421275390001</v>
      </c>
      <c r="O163" s="252"/>
    </row>
    <row r="164" spans="1:20" s="162" customFormat="1">
      <c r="B164" s="50" t="s">
        <v>35</v>
      </c>
      <c r="C164" s="50"/>
      <c r="D164" s="175">
        <v>33511.052312391017</v>
      </c>
      <c r="E164" s="175">
        <v>41325.969738098953</v>
      </c>
      <c r="F164" s="175">
        <v>79.678584425938539</v>
      </c>
      <c r="G164" s="175">
        <v>66439</v>
      </c>
      <c r="H164" s="176">
        <v>3.198440593380635</v>
      </c>
      <c r="I164" s="175">
        <v>1190082</v>
      </c>
      <c r="J164" s="176">
        <v>45.683535960264322</v>
      </c>
      <c r="K164" s="176"/>
      <c r="L164" s="175">
        <v>21523</v>
      </c>
      <c r="M164" s="302">
        <v>32.395129366787579</v>
      </c>
      <c r="N164" s="175">
        <v>1071.5015748579997</v>
      </c>
      <c r="O164" s="163">
        <v>606.29476381374218</v>
      </c>
    </row>
    <row r="165" spans="1:20" s="47" customFormat="1">
      <c r="B165" s="150"/>
      <c r="C165" s="150"/>
      <c r="D165" s="165"/>
      <c r="E165" s="165"/>
      <c r="F165" s="165"/>
      <c r="G165" s="165"/>
      <c r="H165" s="165"/>
      <c r="I165" s="165"/>
      <c r="J165" s="165"/>
      <c r="K165" s="165"/>
      <c r="L165" s="165"/>
      <c r="M165" s="165"/>
      <c r="N165" s="165"/>
      <c r="O165" s="165"/>
    </row>
    <row r="166" spans="1:20" s="47" customFormat="1">
      <c r="B166" s="51"/>
      <c r="H166" s="166"/>
      <c r="J166" s="166"/>
      <c r="K166" s="166"/>
      <c r="M166" s="167"/>
    </row>
    <row r="167" spans="1:20" s="47" customFormat="1">
      <c r="B167" s="337" t="s">
        <v>339</v>
      </c>
      <c r="C167" s="337"/>
      <c r="D167" s="337"/>
      <c r="E167" s="337"/>
      <c r="F167" s="337"/>
      <c r="G167" s="337"/>
      <c r="H167" s="337"/>
      <c r="I167" s="337"/>
      <c r="J167" s="337"/>
      <c r="K167" s="337"/>
      <c r="L167" s="337"/>
      <c r="M167" s="337"/>
      <c r="N167" s="337"/>
    </row>
    <row r="168" spans="1:20">
      <c r="A168" s="150"/>
      <c r="B168" s="150"/>
      <c r="C168" s="150"/>
      <c r="M168" s="167"/>
    </row>
    <row r="169" spans="1:20" ht="16.5" customHeight="1">
      <c r="A169" s="150"/>
      <c r="B169" s="150"/>
      <c r="C169" s="150"/>
      <c r="D169" s="150"/>
      <c r="E169" s="150"/>
      <c r="F169" s="150"/>
      <c r="G169" s="150"/>
      <c r="H169" s="168"/>
      <c r="I169" s="150"/>
      <c r="J169" s="168"/>
      <c r="K169" s="168"/>
      <c r="L169" s="150"/>
      <c r="M169" s="169"/>
      <c r="N169" s="150"/>
      <c r="O169" s="150"/>
      <c r="P169" s="150"/>
      <c r="Q169" s="150"/>
      <c r="R169" s="150"/>
      <c r="S169" s="150"/>
      <c r="T169" s="150"/>
    </row>
    <row r="170" spans="1:20" s="47" customFormat="1">
      <c r="B170" s="51"/>
      <c r="E170" s="165"/>
      <c r="H170" s="166"/>
      <c r="I170" s="165"/>
      <c r="J170" s="166"/>
      <c r="K170" s="166"/>
      <c r="M170" s="167"/>
    </row>
    <row r="171" spans="1:20" s="47" customFormat="1">
      <c r="B171" s="51"/>
      <c r="H171" s="166"/>
      <c r="J171" s="166"/>
      <c r="K171" s="166"/>
      <c r="M171" s="167"/>
    </row>
  </sheetData>
  <mergeCells count="1">
    <mergeCell ref="B167:N167"/>
  </mergeCells>
  <pageMargins left="0.70866141732283472" right="0.70866141732283472" top="0.74803149606299213" bottom="0.74803149606299213" header="0.31496062992125984" footer="0.31496062992125984"/>
  <pageSetup paperSize="9" scale="53" fitToHeight="5" orientation="landscape" r:id="rId1"/>
  <rowBreaks count="2" manualBreakCount="2">
    <brk id="54" max="14" man="1"/>
    <brk id="106" max="14" man="1"/>
  </rowBreaks>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N56"/>
  <sheetViews>
    <sheetView zoomScale="90" zoomScaleNormal="90" workbookViewId="0"/>
  </sheetViews>
  <sheetFormatPr defaultRowHeight="13.5"/>
  <cols>
    <col min="1" max="1" width="7.7109375" style="3" customWidth="1"/>
    <col min="2" max="2" width="40.85546875" style="6" customWidth="1"/>
    <col min="3" max="4" width="17.85546875" style="3" customWidth="1"/>
    <col min="5" max="5" width="2.85546875" style="4" customWidth="1"/>
    <col min="6" max="7" width="17.85546875" style="3" customWidth="1"/>
    <col min="8" max="8" width="9.140625" style="7"/>
    <col min="9" max="9" width="12.140625" style="7" bestFit="1" customWidth="1"/>
    <col min="10" max="15" width="9.140625" style="3"/>
    <col min="16" max="16" width="10" style="3" bestFit="1" customWidth="1"/>
    <col min="17" max="16384" width="9.140625" style="3"/>
  </cols>
  <sheetData>
    <row r="1" spans="1:11">
      <c r="A1" s="13"/>
      <c r="B1" s="13" t="s">
        <v>325</v>
      </c>
      <c r="C1" s="14"/>
      <c r="D1" s="14"/>
      <c r="E1" s="15"/>
      <c r="F1" s="14"/>
      <c r="G1" s="14"/>
      <c r="H1" s="16"/>
      <c r="I1" s="16"/>
    </row>
    <row r="2" spans="1:11" ht="15">
      <c r="A2" s="14"/>
      <c r="B2" s="14"/>
      <c r="C2" s="17"/>
      <c r="D2" s="14"/>
      <c r="E2" s="15"/>
      <c r="F2" s="14"/>
      <c r="G2" s="41"/>
      <c r="H2" s="16"/>
      <c r="I2" s="16"/>
    </row>
    <row r="3" spans="1:11">
      <c r="A3" s="18"/>
      <c r="B3" s="19" t="s">
        <v>144</v>
      </c>
      <c r="C3" s="14"/>
      <c r="D3" s="14"/>
      <c r="E3" s="15"/>
      <c r="F3" s="14"/>
      <c r="G3" s="14"/>
      <c r="H3" s="16"/>
      <c r="I3" s="16"/>
    </row>
    <row r="4" spans="1:11">
      <c r="A4" s="20"/>
      <c r="B4" s="21"/>
      <c r="C4" s="22"/>
      <c r="D4" s="22"/>
      <c r="E4" s="15"/>
      <c r="F4" s="22"/>
      <c r="G4" s="22"/>
      <c r="H4" s="16"/>
      <c r="I4" s="16"/>
    </row>
    <row r="5" spans="1:11">
      <c r="A5" s="14"/>
      <c r="B5" s="23"/>
      <c r="C5" s="341" t="s">
        <v>320</v>
      </c>
      <c r="D5" s="341"/>
      <c r="E5" s="15"/>
      <c r="F5" s="341" t="s">
        <v>75</v>
      </c>
      <c r="G5" s="341"/>
      <c r="H5" s="24"/>
      <c r="I5" s="24"/>
    </row>
    <row r="6" spans="1:11" ht="38.25">
      <c r="A6" s="14"/>
      <c r="B6" s="25" t="s">
        <v>4</v>
      </c>
      <c r="C6" s="26" t="s">
        <v>324</v>
      </c>
      <c r="D6" s="26" t="s">
        <v>323</v>
      </c>
      <c r="E6" s="15"/>
      <c r="F6" s="26" t="s">
        <v>324</v>
      </c>
      <c r="G6" s="26" t="s">
        <v>323</v>
      </c>
      <c r="H6" s="16"/>
      <c r="I6" s="16"/>
    </row>
    <row r="7" spans="1:11" s="4" customFormat="1">
      <c r="A7" s="15"/>
      <c r="B7" s="27" t="s">
        <v>329</v>
      </c>
      <c r="C7" s="116">
        <v>128200</v>
      </c>
      <c r="D7" s="116">
        <v>128200</v>
      </c>
      <c r="E7" s="15"/>
      <c r="F7" s="116">
        <v>119588</v>
      </c>
      <c r="G7" s="116">
        <v>119588</v>
      </c>
      <c r="H7" s="16"/>
      <c r="I7" s="16"/>
      <c r="J7" s="3"/>
    </row>
    <row r="8" spans="1:11" s="4" customFormat="1">
      <c r="A8" s="15"/>
      <c r="B8" s="28" t="s">
        <v>11</v>
      </c>
      <c r="C8" s="102">
        <v>8506</v>
      </c>
      <c r="D8" s="102">
        <v>8506</v>
      </c>
      <c r="E8" s="15"/>
      <c r="F8" s="102"/>
      <c r="G8" s="102"/>
      <c r="H8" s="16"/>
      <c r="I8" s="16"/>
      <c r="J8" s="3"/>
      <c r="K8" s="309"/>
    </row>
    <row r="9" spans="1:11" s="4" customFormat="1">
      <c r="A9" s="15"/>
      <c r="B9" s="28" t="s">
        <v>1</v>
      </c>
      <c r="C9" s="102">
        <v>1407</v>
      </c>
      <c r="D9" s="102">
        <v>1407</v>
      </c>
      <c r="E9" s="15"/>
      <c r="F9" s="102">
        <v>1525</v>
      </c>
      <c r="G9" s="102">
        <v>1525</v>
      </c>
      <c r="H9" s="16"/>
      <c r="I9" s="16"/>
      <c r="J9" s="3"/>
    </row>
    <row r="10" spans="1:11" s="4" customFormat="1">
      <c r="A10" s="15"/>
      <c r="B10" s="28" t="s">
        <v>335</v>
      </c>
      <c r="C10" s="102">
        <v>39709</v>
      </c>
      <c r="D10" s="102">
        <v>39709</v>
      </c>
      <c r="E10" s="15"/>
      <c r="F10" s="102">
        <v>37970</v>
      </c>
      <c r="G10" s="102">
        <v>37970</v>
      </c>
      <c r="H10" s="16"/>
      <c r="I10" s="16"/>
      <c r="J10" s="3"/>
    </row>
    <row r="11" spans="1:11" s="4" customFormat="1">
      <c r="A11" s="15"/>
      <c r="B11" s="28" t="s">
        <v>336</v>
      </c>
      <c r="C11" s="102">
        <v>8221</v>
      </c>
      <c r="D11" s="102">
        <v>8221</v>
      </c>
      <c r="E11" s="15"/>
      <c r="F11" s="102">
        <v>6698</v>
      </c>
      <c r="G11" s="102">
        <v>6698</v>
      </c>
      <c r="H11" s="16"/>
      <c r="I11" s="16"/>
      <c r="J11" s="3"/>
    </row>
    <row r="12" spans="1:11" s="4" customFormat="1">
      <c r="A12" s="15"/>
      <c r="B12" s="29" t="s">
        <v>337</v>
      </c>
      <c r="C12" s="102">
        <v>70357</v>
      </c>
      <c r="D12" s="102">
        <v>70357</v>
      </c>
      <c r="E12" s="15"/>
      <c r="F12" s="102">
        <v>73395</v>
      </c>
      <c r="G12" s="102">
        <v>73395</v>
      </c>
      <c r="H12" s="16"/>
      <c r="I12" s="16"/>
      <c r="J12" s="3"/>
    </row>
    <row r="13" spans="1:11" s="4" customFormat="1">
      <c r="A13" s="15"/>
      <c r="B13" s="29"/>
      <c r="C13" s="15"/>
      <c r="D13" s="15"/>
      <c r="E13" s="15"/>
      <c r="F13" s="15"/>
      <c r="G13" s="15"/>
      <c r="H13" s="16"/>
      <c r="I13" s="16"/>
      <c r="J13" s="3"/>
    </row>
    <row r="14" spans="1:11" s="4" customFormat="1">
      <c r="A14" s="15"/>
      <c r="B14" s="27" t="s">
        <v>330</v>
      </c>
      <c r="C14" s="116">
        <v>277168</v>
      </c>
      <c r="D14" s="116">
        <v>277168</v>
      </c>
      <c r="E14" s="15"/>
      <c r="F14" s="116">
        <v>272475</v>
      </c>
      <c r="G14" s="116">
        <v>272475</v>
      </c>
      <c r="H14" s="16"/>
      <c r="I14" s="16"/>
      <c r="J14" s="3"/>
    </row>
    <row r="15" spans="1:11" s="4" customFormat="1">
      <c r="A15" s="15"/>
      <c r="B15" s="28" t="s">
        <v>1</v>
      </c>
      <c r="C15" s="102">
        <v>20536</v>
      </c>
      <c r="D15" s="102">
        <v>20536</v>
      </c>
      <c r="E15" s="15"/>
      <c r="F15" s="102">
        <v>16138</v>
      </c>
      <c r="G15" s="102">
        <v>16138</v>
      </c>
      <c r="H15" s="16"/>
      <c r="I15" s="16"/>
      <c r="J15" s="3"/>
    </row>
    <row r="16" spans="1:11" s="4" customFormat="1">
      <c r="A16" s="15"/>
      <c r="B16" s="28" t="s">
        <v>335</v>
      </c>
      <c r="C16" s="102">
        <v>25718</v>
      </c>
      <c r="D16" s="102">
        <v>25718</v>
      </c>
      <c r="E16" s="15"/>
      <c r="F16" s="102">
        <v>29414</v>
      </c>
      <c r="G16" s="102">
        <v>29414</v>
      </c>
      <c r="H16" s="16"/>
      <c r="I16" s="16"/>
      <c r="J16" s="3"/>
    </row>
    <row r="17" spans="1:14" s="4" customFormat="1">
      <c r="A17" s="15"/>
      <c r="B17" s="28" t="s">
        <v>336</v>
      </c>
      <c r="C17" s="102">
        <v>10140</v>
      </c>
      <c r="D17" s="102">
        <v>10140</v>
      </c>
      <c r="E17" s="15"/>
      <c r="F17" s="102">
        <v>11131</v>
      </c>
      <c r="G17" s="102">
        <v>11131</v>
      </c>
      <c r="H17" s="16"/>
      <c r="I17" s="16"/>
      <c r="J17" s="3"/>
    </row>
    <row r="18" spans="1:14" s="4" customFormat="1">
      <c r="A18" s="15"/>
      <c r="B18" s="29" t="s">
        <v>337</v>
      </c>
      <c r="C18" s="102">
        <v>164245</v>
      </c>
      <c r="D18" s="102">
        <v>164245</v>
      </c>
      <c r="E18" s="15"/>
      <c r="F18" s="102">
        <v>160191</v>
      </c>
      <c r="G18" s="102">
        <v>160191</v>
      </c>
      <c r="H18" s="16"/>
      <c r="I18" s="16"/>
      <c r="J18" s="3"/>
    </row>
    <row r="19" spans="1:14" s="4" customFormat="1">
      <c r="A19" s="15"/>
      <c r="B19" s="28" t="s">
        <v>332</v>
      </c>
      <c r="C19" s="102">
        <v>624</v>
      </c>
      <c r="D19" s="102">
        <v>624</v>
      </c>
      <c r="E19" s="15"/>
      <c r="F19" s="102">
        <v>259</v>
      </c>
      <c r="G19" s="102">
        <v>259</v>
      </c>
      <c r="H19" s="16"/>
      <c r="I19" s="16"/>
      <c r="J19" s="3"/>
    </row>
    <row r="20" spans="1:14" s="4" customFormat="1">
      <c r="A20" s="15"/>
      <c r="B20" s="28" t="s">
        <v>331</v>
      </c>
      <c r="C20" s="102">
        <v>34693</v>
      </c>
      <c r="D20" s="102">
        <v>34693</v>
      </c>
      <c r="E20" s="15"/>
      <c r="F20" s="102">
        <v>33820</v>
      </c>
      <c r="G20" s="102">
        <v>33820</v>
      </c>
      <c r="H20" s="16"/>
      <c r="I20" s="16"/>
      <c r="J20" s="3"/>
    </row>
    <row r="21" spans="1:14" s="4" customFormat="1">
      <c r="A21" s="15"/>
      <c r="B21" s="28" t="s">
        <v>333</v>
      </c>
      <c r="C21" s="102">
        <v>4212</v>
      </c>
      <c r="D21" s="102">
        <v>4212</v>
      </c>
      <c r="E21" s="15"/>
      <c r="F21" s="102">
        <v>4722</v>
      </c>
      <c r="G21" s="102">
        <v>4722</v>
      </c>
      <c r="H21" s="16"/>
      <c r="I21" s="16"/>
      <c r="J21" s="3"/>
    </row>
    <row r="22" spans="1:14" s="4" customFormat="1">
      <c r="A22" s="15"/>
      <c r="B22" s="30" t="s">
        <v>334</v>
      </c>
      <c r="C22" s="113">
        <v>17000</v>
      </c>
      <c r="D22" s="113">
        <v>17000</v>
      </c>
      <c r="E22" s="15"/>
      <c r="F22" s="113">
        <v>16800</v>
      </c>
      <c r="G22" s="113">
        <v>16800</v>
      </c>
      <c r="H22" s="16"/>
      <c r="I22" s="16"/>
      <c r="J22" s="3"/>
    </row>
    <row r="23" spans="1:14" s="4" customFormat="1">
      <c r="A23" s="15"/>
      <c r="B23" s="31" t="s">
        <v>0</v>
      </c>
      <c r="C23" s="116">
        <v>405368</v>
      </c>
      <c r="D23" s="116">
        <v>405368</v>
      </c>
      <c r="E23" s="15"/>
      <c r="F23" s="116">
        <v>392063</v>
      </c>
      <c r="G23" s="116">
        <v>392063</v>
      </c>
      <c r="H23" s="16"/>
      <c r="I23" s="16"/>
      <c r="J23" s="3"/>
    </row>
    <row r="24" spans="1:14" s="4" customFormat="1">
      <c r="A24" s="15"/>
      <c r="B24" s="32"/>
      <c r="C24" s="15"/>
      <c r="D24" s="15"/>
      <c r="E24" s="15"/>
      <c r="F24" s="15"/>
      <c r="G24" s="15"/>
      <c r="H24" s="16"/>
      <c r="I24" s="16"/>
      <c r="J24" s="3"/>
    </row>
    <row r="25" spans="1:14" s="4" customFormat="1" ht="30.75" customHeight="1">
      <c r="A25" s="15"/>
      <c r="B25" s="337" t="s">
        <v>339</v>
      </c>
      <c r="C25" s="337"/>
      <c r="D25" s="337"/>
      <c r="E25" s="337"/>
      <c r="F25" s="337"/>
      <c r="G25" s="337"/>
      <c r="H25" s="323"/>
      <c r="I25" s="323"/>
      <c r="J25" s="323"/>
      <c r="K25" s="323"/>
      <c r="L25" s="323"/>
      <c r="M25" s="323"/>
      <c r="N25" s="323"/>
    </row>
    <row r="26" spans="1:14" s="4" customFormat="1">
      <c r="A26" s="15"/>
      <c r="B26" s="32"/>
      <c r="C26" s="15"/>
      <c r="D26" s="15"/>
      <c r="E26" s="15"/>
      <c r="F26" s="15"/>
      <c r="G26" s="15"/>
      <c r="H26" s="16"/>
      <c r="I26" s="16"/>
    </row>
    <row r="27" spans="1:14" s="4" customFormat="1">
      <c r="A27" s="15"/>
      <c r="B27" s="33"/>
      <c r="C27" s="34"/>
      <c r="D27" s="35"/>
      <c r="E27" s="15"/>
      <c r="F27" s="33"/>
      <c r="G27" s="34"/>
      <c r="H27" s="36"/>
      <c r="I27" s="37"/>
    </row>
    <row r="28" spans="1:14" s="4" customFormat="1">
      <c r="A28" s="15"/>
      <c r="B28" s="38"/>
      <c r="C28" s="15"/>
      <c r="D28" s="15"/>
      <c r="E28" s="15"/>
      <c r="F28" s="15"/>
      <c r="G28" s="15"/>
      <c r="H28" s="16"/>
      <c r="I28" s="39"/>
    </row>
    <row r="29" spans="1:14" s="4" customFormat="1">
      <c r="A29" s="15"/>
      <c r="B29" s="32"/>
      <c r="C29" s="15"/>
      <c r="D29" s="15"/>
      <c r="E29" s="15"/>
      <c r="F29" s="15"/>
      <c r="G29" s="15"/>
      <c r="H29" s="16"/>
      <c r="I29" s="16"/>
    </row>
    <row r="30" spans="1:14" s="4" customFormat="1">
      <c r="B30" s="5"/>
      <c r="H30" s="7"/>
      <c r="I30" s="7"/>
    </row>
    <row r="31" spans="1:14" s="4" customFormat="1">
      <c r="B31" s="5"/>
      <c r="H31" s="7"/>
      <c r="I31" s="7"/>
    </row>
    <row r="32" spans="1:14" s="4" customFormat="1">
      <c r="B32" s="5"/>
      <c r="H32" s="7"/>
      <c r="I32" s="7"/>
    </row>
    <row r="33" spans="2:9" s="4" customFormat="1">
      <c r="B33" s="5"/>
      <c r="H33" s="7"/>
      <c r="I33" s="7"/>
    </row>
    <row r="34" spans="2:9" s="4" customFormat="1">
      <c r="B34" s="5"/>
      <c r="H34" s="7"/>
      <c r="I34" s="7"/>
    </row>
    <row r="35" spans="2:9" s="4" customFormat="1">
      <c r="B35" s="5"/>
      <c r="H35" s="7"/>
      <c r="I35" s="7"/>
    </row>
    <row r="36" spans="2:9" s="4" customFormat="1">
      <c r="B36" s="5"/>
      <c r="H36" s="7"/>
      <c r="I36" s="7"/>
    </row>
    <row r="37" spans="2:9" s="4" customFormat="1">
      <c r="B37" s="5"/>
      <c r="H37" s="7"/>
      <c r="I37" s="7"/>
    </row>
    <row r="38" spans="2:9" s="4" customFormat="1">
      <c r="B38" s="5"/>
      <c r="H38" s="7"/>
      <c r="I38" s="7"/>
    </row>
    <row r="39" spans="2:9" s="4" customFormat="1">
      <c r="B39" s="5"/>
      <c r="H39" s="7"/>
      <c r="I39" s="7"/>
    </row>
    <row r="40" spans="2:9" s="4" customFormat="1">
      <c r="B40" s="5"/>
      <c r="H40" s="7"/>
      <c r="I40" s="7"/>
    </row>
    <row r="41" spans="2:9" s="4" customFormat="1">
      <c r="B41" s="5"/>
      <c r="H41" s="7"/>
      <c r="I41" s="7"/>
    </row>
    <row r="42" spans="2:9" s="4" customFormat="1">
      <c r="B42" s="5"/>
      <c r="H42" s="7"/>
      <c r="I42" s="7"/>
    </row>
    <row r="43" spans="2:9" s="4" customFormat="1">
      <c r="B43" s="5"/>
      <c r="H43" s="7"/>
      <c r="I43" s="7"/>
    </row>
    <row r="44" spans="2:9" s="4" customFormat="1">
      <c r="B44" s="5"/>
      <c r="H44" s="7"/>
      <c r="I44" s="7"/>
    </row>
    <row r="45" spans="2:9" s="4" customFormat="1">
      <c r="B45" s="5"/>
      <c r="H45" s="7"/>
      <c r="I45" s="7"/>
    </row>
    <row r="46" spans="2:9" s="4" customFormat="1">
      <c r="B46" s="5"/>
      <c r="H46" s="7"/>
      <c r="I46" s="7"/>
    </row>
    <row r="47" spans="2:9" s="4" customFormat="1">
      <c r="B47" s="5"/>
      <c r="H47" s="7"/>
      <c r="I47" s="7"/>
    </row>
    <row r="48" spans="2:9" s="4" customFormat="1">
      <c r="B48" s="5"/>
      <c r="H48" s="7"/>
      <c r="I48" s="7"/>
    </row>
    <row r="49" spans="2:9" s="4" customFormat="1">
      <c r="B49" s="5"/>
      <c r="H49" s="7"/>
      <c r="I49" s="7"/>
    </row>
    <row r="50" spans="2:9" s="4" customFormat="1">
      <c r="B50" s="5"/>
      <c r="H50" s="7"/>
      <c r="I50" s="7"/>
    </row>
    <row r="51" spans="2:9" s="4" customFormat="1">
      <c r="B51" s="5"/>
      <c r="H51" s="7"/>
      <c r="I51" s="7"/>
    </row>
    <row r="52" spans="2:9" s="4" customFormat="1">
      <c r="B52" s="5"/>
      <c r="H52" s="7"/>
      <c r="I52" s="7"/>
    </row>
    <row r="53" spans="2:9" s="4" customFormat="1">
      <c r="B53" s="5"/>
      <c r="H53" s="7"/>
      <c r="I53" s="7"/>
    </row>
    <row r="54" spans="2:9" s="4" customFormat="1">
      <c r="B54" s="5"/>
      <c r="H54" s="7"/>
      <c r="I54" s="7"/>
    </row>
    <row r="55" spans="2:9" s="4" customFormat="1">
      <c r="B55" s="5"/>
      <c r="H55" s="7"/>
      <c r="I55" s="7"/>
    </row>
    <row r="56" spans="2:9" s="4" customFormat="1">
      <c r="B56" s="5"/>
      <c r="H56" s="7"/>
      <c r="I56" s="7"/>
    </row>
  </sheetData>
  <mergeCells count="3">
    <mergeCell ref="C5:D5"/>
    <mergeCell ref="F5:G5"/>
    <mergeCell ref="B25:G25"/>
  </mergeCells>
  <pageMargins left="0.70866141732283472" right="0.70866141732283472" top="0.74803149606299213" bottom="0.74803149606299213" header="0.31496062992125984" footer="0.31496062992125984"/>
  <pageSetup paperSize="9" orientation="landscape" r:id="rId1"/>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L52"/>
  <sheetViews>
    <sheetView zoomScale="90" zoomScaleNormal="90" workbookViewId="0"/>
  </sheetViews>
  <sheetFormatPr defaultRowHeight="12.75"/>
  <cols>
    <col min="1" max="1" width="7.7109375" style="42" customWidth="1"/>
    <col min="2" max="2" width="51.85546875" style="177" bestFit="1" customWidth="1"/>
    <col min="3" max="8" width="13.5703125" style="42" customWidth="1"/>
    <col min="9" max="16384" width="9.140625" style="42"/>
  </cols>
  <sheetData>
    <row r="1" spans="1:12">
      <c r="A1" s="13"/>
      <c r="B1" s="13" t="s">
        <v>325</v>
      </c>
      <c r="C1" s="47"/>
      <c r="D1" s="47"/>
      <c r="E1" s="47"/>
      <c r="F1" s="47"/>
      <c r="G1" s="47"/>
      <c r="H1" s="47"/>
      <c r="I1" s="47"/>
      <c r="J1" s="47"/>
      <c r="K1" s="47"/>
      <c r="L1" s="47"/>
    </row>
    <row r="2" spans="1:12">
      <c r="B2" s="42"/>
      <c r="C2" s="47"/>
      <c r="D2" s="47"/>
      <c r="E2" s="47"/>
      <c r="F2" s="47"/>
      <c r="G2" s="47"/>
      <c r="H2" s="47"/>
      <c r="I2" s="148"/>
      <c r="J2" s="148"/>
      <c r="K2" s="148"/>
      <c r="L2" s="148"/>
    </row>
    <row r="3" spans="1:12">
      <c r="A3" s="18"/>
      <c r="B3" s="43" t="s">
        <v>78</v>
      </c>
      <c r="C3" s="47"/>
      <c r="D3" s="47"/>
      <c r="E3" s="47"/>
      <c r="F3" s="47"/>
      <c r="G3" s="47"/>
      <c r="H3" s="47"/>
      <c r="I3" s="148"/>
      <c r="J3" s="148"/>
      <c r="K3" s="148"/>
      <c r="L3" s="47"/>
    </row>
    <row r="4" spans="1:12">
      <c r="B4" s="150"/>
      <c r="J4" s="148"/>
      <c r="K4" s="148"/>
    </row>
    <row r="5" spans="1:12" ht="63.75">
      <c r="B5" s="184" t="s">
        <v>154</v>
      </c>
      <c r="C5" s="156" t="s">
        <v>36</v>
      </c>
      <c r="D5" s="156" t="s">
        <v>37</v>
      </c>
      <c r="E5" s="156" t="s">
        <v>142</v>
      </c>
      <c r="F5" s="156" t="s">
        <v>38</v>
      </c>
      <c r="G5" s="156" t="s">
        <v>120</v>
      </c>
      <c r="H5" s="155" t="s">
        <v>156</v>
      </c>
      <c r="J5" s="148"/>
      <c r="K5" s="148"/>
    </row>
    <row r="6" spans="1:12" s="47" customFormat="1">
      <c r="B6" s="159" t="s">
        <v>39</v>
      </c>
      <c r="C6" s="147">
        <v>-7322</v>
      </c>
      <c r="D6" s="147">
        <v>46000</v>
      </c>
      <c r="E6" s="185"/>
      <c r="F6" s="185"/>
      <c r="G6" s="147">
        <v>39938.22</v>
      </c>
      <c r="H6" s="147">
        <v>4912</v>
      </c>
      <c r="I6" s="42"/>
      <c r="J6" s="148"/>
      <c r="K6" s="148"/>
    </row>
    <row r="7" spans="1:12" s="47" customFormat="1">
      <c r="B7" s="159" t="s">
        <v>40</v>
      </c>
      <c r="C7" s="186"/>
      <c r="D7" s="186"/>
      <c r="E7" s="187">
        <v>82234</v>
      </c>
      <c r="F7" s="158">
        <v>1.4</v>
      </c>
      <c r="G7" s="187">
        <v>115127</v>
      </c>
      <c r="H7" s="187">
        <v>15666</v>
      </c>
      <c r="I7" s="42"/>
      <c r="J7" s="148"/>
      <c r="K7" s="148"/>
    </row>
    <row r="8" spans="1:12" s="47" customFormat="1">
      <c r="B8" s="326" t="s">
        <v>340</v>
      </c>
      <c r="C8" s="186"/>
      <c r="D8" s="186"/>
      <c r="E8" s="187">
        <v>32258</v>
      </c>
      <c r="F8" s="158">
        <v>1.4</v>
      </c>
      <c r="G8" s="147">
        <v>45161</v>
      </c>
      <c r="H8" s="147">
        <v>129</v>
      </c>
      <c r="I8" s="42"/>
      <c r="J8" s="148"/>
      <c r="K8" s="148"/>
    </row>
    <row r="9" spans="1:12" s="47" customFormat="1">
      <c r="B9" s="326" t="s">
        <v>341</v>
      </c>
      <c r="C9" s="186"/>
      <c r="D9" s="186"/>
      <c r="E9" s="187">
        <v>49976</v>
      </c>
      <c r="F9" s="158">
        <v>1.4</v>
      </c>
      <c r="G9" s="147">
        <v>69966</v>
      </c>
      <c r="H9" s="147">
        <v>15537</v>
      </c>
      <c r="I9" s="42"/>
      <c r="J9" s="148"/>
      <c r="K9" s="148"/>
    </row>
    <row r="10" spans="1:12" s="47" customFormat="1">
      <c r="B10" s="159" t="s">
        <v>41</v>
      </c>
      <c r="C10" s="186"/>
      <c r="D10" s="186"/>
      <c r="E10" s="186"/>
      <c r="F10" s="185"/>
      <c r="G10" s="147">
        <v>28610</v>
      </c>
      <c r="H10" s="187">
        <v>3253</v>
      </c>
      <c r="I10" s="42"/>
      <c r="J10" s="148"/>
      <c r="K10" s="148"/>
    </row>
    <row r="11" spans="1:12" s="47" customFormat="1">
      <c r="B11" s="50" t="s">
        <v>0</v>
      </c>
      <c r="C11" s="185"/>
      <c r="D11" s="185"/>
      <c r="E11" s="185"/>
      <c r="F11" s="185"/>
      <c r="G11" s="185"/>
      <c r="H11" s="175">
        <v>23831</v>
      </c>
      <c r="I11" s="42"/>
      <c r="J11" s="148"/>
      <c r="K11" s="148"/>
    </row>
    <row r="12" spans="1:12" s="47" customFormat="1">
      <c r="B12" s="51"/>
      <c r="I12" s="42"/>
    </row>
    <row r="13" spans="1:12" s="47" customFormat="1">
      <c r="B13" s="51"/>
      <c r="I13" s="42"/>
    </row>
    <row r="14" spans="1:12" ht="63.75">
      <c r="B14" s="184" t="s">
        <v>74</v>
      </c>
      <c r="C14" s="156" t="s">
        <v>36</v>
      </c>
      <c r="D14" s="156" t="s">
        <v>37</v>
      </c>
      <c r="E14" s="156" t="s">
        <v>142</v>
      </c>
      <c r="F14" s="156" t="s">
        <v>38</v>
      </c>
      <c r="G14" s="156" t="s">
        <v>120</v>
      </c>
      <c r="H14" s="155" t="s">
        <v>156</v>
      </c>
    </row>
    <row r="15" spans="1:12" s="47" customFormat="1">
      <c r="B15" s="159" t="s">
        <v>39</v>
      </c>
      <c r="C15" s="147">
        <v>-6701</v>
      </c>
      <c r="D15" s="147">
        <v>38392</v>
      </c>
      <c r="E15" s="185"/>
      <c r="F15" s="185"/>
      <c r="G15" s="147">
        <v>42764</v>
      </c>
      <c r="H15" s="147">
        <v>6192</v>
      </c>
      <c r="I15" s="42"/>
    </row>
    <row r="16" spans="1:12" s="47" customFormat="1">
      <c r="B16" s="159" t="s">
        <v>40</v>
      </c>
      <c r="C16" s="186"/>
      <c r="D16" s="186"/>
      <c r="E16" s="187">
        <v>62891</v>
      </c>
      <c r="F16" s="158">
        <v>1.4</v>
      </c>
      <c r="G16" s="187">
        <v>88047</v>
      </c>
      <c r="H16" s="187">
        <v>16720</v>
      </c>
      <c r="I16" s="42"/>
    </row>
    <row r="17" spans="2:12" s="47" customFormat="1">
      <c r="B17" s="326" t="s">
        <v>340</v>
      </c>
      <c r="C17" s="186"/>
      <c r="D17" s="186"/>
      <c r="E17" s="187">
        <v>274</v>
      </c>
      <c r="F17" s="158">
        <v>1.4</v>
      </c>
      <c r="G17" s="147">
        <v>384</v>
      </c>
      <c r="H17" s="147">
        <v>10</v>
      </c>
      <c r="I17" s="42"/>
      <c r="K17" s="189"/>
      <c r="L17" s="189"/>
    </row>
    <row r="18" spans="2:12" s="47" customFormat="1">
      <c r="B18" s="326" t="s">
        <v>341</v>
      </c>
      <c r="C18" s="186"/>
      <c r="D18" s="186"/>
      <c r="E18" s="187">
        <v>62616</v>
      </c>
      <c r="F18" s="158">
        <v>1.4</v>
      </c>
      <c r="G18" s="147">
        <v>87663</v>
      </c>
      <c r="H18" s="147">
        <v>16710</v>
      </c>
      <c r="I18" s="42"/>
      <c r="L18" s="189"/>
    </row>
    <row r="19" spans="2:12" s="47" customFormat="1">
      <c r="B19" s="159" t="s">
        <v>41</v>
      </c>
      <c r="C19" s="186"/>
      <c r="D19" s="186"/>
      <c r="E19" s="186"/>
      <c r="F19" s="185"/>
      <c r="G19" s="147">
        <v>28693</v>
      </c>
      <c r="H19" s="187">
        <v>3165</v>
      </c>
      <c r="I19" s="42"/>
      <c r="K19" s="189"/>
      <c r="L19" s="189"/>
    </row>
    <row r="20" spans="2:12" s="47" customFormat="1">
      <c r="B20" s="50" t="s">
        <v>0</v>
      </c>
      <c r="C20" s="185"/>
      <c r="D20" s="185"/>
      <c r="E20" s="185"/>
      <c r="F20" s="185"/>
      <c r="G20" s="185"/>
      <c r="H20" s="175">
        <v>26077</v>
      </c>
      <c r="K20" s="188"/>
      <c r="L20" s="189"/>
    </row>
    <row r="21" spans="2:12" s="47" customFormat="1">
      <c r="B21" s="51"/>
      <c r="I21" s="42"/>
      <c r="K21" s="189"/>
      <c r="L21" s="189"/>
    </row>
    <row r="22" spans="2:12" s="47" customFormat="1">
      <c r="B22" s="51"/>
      <c r="K22" s="189"/>
      <c r="L22" s="189"/>
    </row>
    <row r="23" spans="2:12" s="47" customFormat="1">
      <c r="B23" s="51"/>
    </row>
    <row r="24" spans="2:12" s="47" customFormat="1">
      <c r="B24" s="51"/>
    </row>
    <row r="25" spans="2:12" s="47" customFormat="1">
      <c r="B25" s="51"/>
    </row>
    <row r="26" spans="2:12" s="47" customFormat="1">
      <c r="B26" s="51"/>
    </row>
    <row r="27" spans="2:12" s="47" customFormat="1">
      <c r="B27" s="51"/>
    </row>
    <row r="28" spans="2:12" s="47" customFormat="1">
      <c r="B28" s="51"/>
    </row>
    <row r="29" spans="2:12" s="47" customFormat="1">
      <c r="B29" s="51"/>
    </row>
    <row r="30" spans="2:12" s="47" customFormat="1">
      <c r="B30" s="51"/>
    </row>
    <row r="31" spans="2:12" s="47" customFormat="1">
      <c r="B31" s="51"/>
    </row>
    <row r="32" spans="2:12" s="47" customFormat="1">
      <c r="B32" s="51"/>
    </row>
    <row r="33" spans="2:2" s="47" customFormat="1">
      <c r="B33" s="51"/>
    </row>
    <row r="34" spans="2:2" s="47" customFormat="1">
      <c r="B34" s="51"/>
    </row>
    <row r="35" spans="2:2" s="47" customFormat="1">
      <c r="B35" s="51"/>
    </row>
    <row r="36" spans="2:2" s="47" customFormat="1">
      <c r="B36" s="51"/>
    </row>
    <row r="37" spans="2:2" s="47" customFormat="1">
      <c r="B37" s="51"/>
    </row>
    <row r="38" spans="2:2" s="47" customFormat="1">
      <c r="B38" s="51"/>
    </row>
    <row r="39" spans="2:2" s="47" customFormat="1">
      <c r="B39" s="51"/>
    </row>
    <row r="40" spans="2:2" s="47" customFormat="1">
      <c r="B40" s="51"/>
    </row>
    <row r="41" spans="2:2" s="47" customFormat="1">
      <c r="B41" s="51"/>
    </row>
    <row r="42" spans="2:2" s="47" customFormat="1">
      <c r="B42" s="51"/>
    </row>
    <row r="43" spans="2:2" s="47" customFormat="1">
      <c r="B43" s="51"/>
    </row>
    <row r="44" spans="2:2" s="47" customFormat="1">
      <c r="B44" s="51"/>
    </row>
    <row r="45" spans="2:2" s="47" customFormat="1">
      <c r="B45" s="51"/>
    </row>
    <row r="46" spans="2:2" s="47" customFormat="1">
      <c r="B46" s="51"/>
    </row>
    <row r="47" spans="2:2" s="47" customFormat="1">
      <c r="B47" s="51"/>
    </row>
    <row r="48" spans="2:2" s="47" customFormat="1">
      <c r="B48" s="51"/>
    </row>
    <row r="49" spans="2:2" s="47" customFormat="1">
      <c r="B49" s="51"/>
    </row>
    <row r="50" spans="2:2" s="47" customFormat="1">
      <c r="B50" s="51"/>
    </row>
    <row r="51" spans="2:2" s="47" customFormat="1">
      <c r="B51" s="51"/>
    </row>
    <row r="52" spans="2:2" s="47" customFormat="1">
      <c r="B52" s="51"/>
    </row>
  </sheetData>
  <pageMargins left="0.70866141732283472" right="0.70866141732283472" top="0.74803149606299213" bottom="0.74803149606299213" header="0.31496062992125984" footer="0.31496062992125984"/>
  <pageSetup paperSize="9" scale="94" orientation="landscape" r:id="rId1"/>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J50"/>
  <sheetViews>
    <sheetView zoomScale="90" zoomScaleNormal="90" workbookViewId="0"/>
  </sheetViews>
  <sheetFormatPr defaultRowHeight="13.5"/>
  <cols>
    <col min="1" max="1" width="7.7109375" style="8" customWidth="1"/>
    <col min="2" max="2" width="45.7109375" style="11" customWidth="1"/>
    <col min="3" max="4" width="12.7109375" style="8" customWidth="1"/>
    <col min="5" max="5" width="2" style="8" customWidth="1"/>
    <col min="6" max="7" width="12.7109375" style="8" customWidth="1"/>
    <col min="8" max="16384" width="9.140625" style="8"/>
  </cols>
  <sheetData>
    <row r="1" spans="1:10">
      <c r="A1" s="1"/>
      <c r="B1" s="1" t="s">
        <v>325</v>
      </c>
    </row>
    <row r="2" spans="1:10">
      <c r="B2" s="8"/>
    </row>
    <row r="3" spans="1:10">
      <c r="A3" s="2"/>
      <c r="B3" s="10" t="s">
        <v>79</v>
      </c>
      <c r="F3" s="9"/>
      <c r="H3" s="9"/>
      <c r="I3" s="9"/>
      <c r="J3" s="9"/>
    </row>
    <row r="4" spans="1:10">
      <c r="A4" s="42"/>
      <c r="B4" s="43"/>
      <c r="C4" s="42"/>
      <c r="D4" s="42"/>
      <c r="E4" s="42"/>
      <c r="F4" s="42"/>
      <c r="G4" s="42"/>
      <c r="H4" s="42"/>
      <c r="I4" s="42"/>
    </row>
    <row r="5" spans="1:10">
      <c r="A5" s="42"/>
      <c r="B5" s="44"/>
      <c r="C5" s="341" t="s">
        <v>320</v>
      </c>
      <c r="D5" s="341"/>
      <c r="E5" s="42"/>
      <c r="F5" s="341" t="s">
        <v>75</v>
      </c>
      <c r="G5" s="341"/>
      <c r="H5" s="42"/>
      <c r="I5" s="42"/>
    </row>
    <row r="6" spans="1:10" ht="43.5" customHeight="1">
      <c r="A6" s="42"/>
      <c r="B6" s="45" t="s">
        <v>140</v>
      </c>
      <c r="C6" s="46" t="s">
        <v>42</v>
      </c>
      <c r="D6" s="46" t="s">
        <v>156</v>
      </c>
      <c r="E6" s="42"/>
      <c r="F6" s="46" t="s">
        <v>42</v>
      </c>
      <c r="G6" s="46" t="s">
        <v>156</v>
      </c>
      <c r="H6" s="42"/>
      <c r="I6" s="42"/>
    </row>
    <row r="7" spans="1:10" s="9" customFormat="1">
      <c r="A7" s="47"/>
      <c r="B7" s="48" t="s">
        <v>43</v>
      </c>
      <c r="C7" s="172">
        <v>35188</v>
      </c>
      <c r="D7" s="172">
        <v>6510</v>
      </c>
      <c r="E7" s="49"/>
      <c r="F7" s="172">
        <v>41589</v>
      </c>
      <c r="G7" s="172">
        <v>7818</v>
      </c>
      <c r="H7" s="47"/>
      <c r="I7" s="47"/>
    </row>
    <row r="8" spans="1:10" s="9" customFormat="1">
      <c r="A8" s="47"/>
      <c r="B8" s="50" t="s">
        <v>44</v>
      </c>
      <c r="C8" s="175">
        <v>35188</v>
      </c>
      <c r="D8" s="175">
        <v>6510</v>
      </c>
      <c r="E8" s="42"/>
      <c r="F8" s="175">
        <v>41589</v>
      </c>
      <c r="G8" s="175">
        <v>7818</v>
      </c>
      <c r="H8" s="47"/>
      <c r="I8" s="47"/>
    </row>
    <row r="9" spans="1:10" s="9" customFormat="1">
      <c r="A9" s="47"/>
      <c r="B9" s="51"/>
      <c r="C9" s="47"/>
      <c r="D9" s="47"/>
      <c r="E9" s="42"/>
      <c r="F9" s="42"/>
      <c r="G9" s="42"/>
      <c r="H9" s="47"/>
      <c r="I9" s="47"/>
    </row>
    <row r="10" spans="1:10" s="9" customFormat="1">
      <c r="A10" s="47"/>
      <c r="B10" s="51"/>
      <c r="C10" s="47"/>
      <c r="D10" s="47"/>
      <c r="E10" s="47"/>
      <c r="F10" s="47"/>
      <c r="G10" s="42"/>
      <c r="H10" s="47"/>
      <c r="I10" s="47"/>
    </row>
    <row r="11" spans="1:10" s="9" customFormat="1">
      <c r="A11" s="47"/>
      <c r="B11" s="51"/>
      <c r="C11" s="47"/>
      <c r="D11" s="47"/>
      <c r="E11" s="47"/>
      <c r="F11" s="47"/>
      <c r="G11" s="42"/>
      <c r="H11" s="47"/>
      <c r="I11" s="47"/>
    </row>
    <row r="12" spans="1:10" s="9" customFormat="1">
      <c r="A12" s="47"/>
      <c r="B12" s="51"/>
      <c r="C12" s="47"/>
      <c r="D12" s="47"/>
      <c r="E12" s="47"/>
      <c r="F12" s="47"/>
      <c r="G12" s="47"/>
      <c r="H12" s="47"/>
      <c r="I12" s="47"/>
    </row>
    <row r="13" spans="1:10" s="9" customFormat="1">
      <c r="A13" s="47"/>
      <c r="B13" s="51"/>
      <c r="C13" s="47"/>
      <c r="D13" s="47"/>
      <c r="E13" s="47"/>
      <c r="F13" s="47"/>
      <c r="G13" s="47"/>
      <c r="H13" s="47"/>
      <c r="I13" s="47"/>
    </row>
    <row r="14" spans="1:10" s="9" customFormat="1">
      <c r="A14" s="47"/>
      <c r="B14" s="51"/>
      <c r="C14" s="47"/>
      <c r="D14" s="47"/>
      <c r="E14" s="47"/>
      <c r="F14" s="47"/>
      <c r="G14" s="47"/>
      <c r="H14" s="47"/>
      <c r="I14" s="47"/>
    </row>
    <row r="15" spans="1:10" s="9" customFormat="1">
      <c r="A15" s="47"/>
      <c r="B15" s="51"/>
      <c r="C15" s="47"/>
      <c r="D15" s="47"/>
      <c r="E15" s="47"/>
      <c r="F15" s="47"/>
      <c r="G15" s="47"/>
      <c r="H15" s="47"/>
      <c r="I15" s="47"/>
    </row>
    <row r="16" spans="1:10" s="9" customFormat="1">
      <c r="A16" s="47"/>
      <c r="B16" s="51"/>
      <c r="C16" s="47"/>
      <c r="D16" s="47"/>
      <c r="E16" s="47"/>
      <c r="F16" s="47"/>
      <c r="G16" s="47"/>
      <c r="H16" s="47"/>
      <c r="I16" s="47"/>
    </row>
    <row r="17" spans="1:9" s="9" customFormat="1">
      <c r="A17" s="47"/>
      <c r="B17" s="51"/>
      <c r="C17" s="47"/>
      <c r="D17" s="47"/>
      <c r="E17" s="47"/>
      <c r="F17" s="47"/>
      <c r="G17" s="47"/>
      <c r="H17" s="47"/>
      <c r="I17" s="47"/>
    </row>
    <row r="18" spans="1:9" s="9" customFormat="1">
      <c r="A18" s="47"/>
      <c r="B18" s="51"/>
      <c r="C18" s="47"/>
      <c r="D18" s="47"/>
      <c r="E18" s="47"/>
      <c r="F18" s="47"/>
      <c r="G18" s="47"/>
      <c r="H18" s="47"/>
      <c r="I18" s="47"/>
    </row>
    <row r="19" spans="1:9" s="9" customFormat="1">
      <c r="A19" s="47"/>
      <c r="B19" s="51"/>
      <c r="C19" s="47"/>
      <c r="D19" s="47"/>
      <c r="E19" s="47"/>
      <c r="F19" s="47"/>
      <c r="G19" s="47"/>
      <c r="H19" s="47"/>
      <c r="I19" s="47"/>
    </row>
    <row r="20" spans="1:9" s="9" customFormat="1">
      <c r="A20" s="47"/>
      <c r="B20" s="51"/>
      <c r="C20" s="47"/>
      <c r="D20" s="47"/>
      <c r="E20" s="47"/>
      <c r="F20" s="47"/>
      <c r="G20" s="47"/>
      <c r="H20" s="47"/>
      <c r="I20" s="47"/>
    </row>
    <row r="21" spans="1:9" s="9" customFormat="1">
      <c r="A21" s="47"/>
      <c r="B21" s="51"/>
      <c r="C21" s="47"/>
      <c r="D21" s="47"/>
      <c r="E21" s="47"/>
      <c r="F21" s="47"/>
      <c r="G21" s="47"/>
      <c r="H21" s="47"/>
      <c r="I21" s="47"/>
    </row>
    <row r="22" spans="1:9" s="9" customFormat="1">
      <c r="A22" s="47"/>
      <c r="B22" s="51"/>
      <c r="C22" s="47"/>
      <c r="D22" s="47"/>
      <c r="E22" s="47"/>
      <c r="F22" s="47"/>
      <c r="G22" s="47"/>
      <c r="H22" s="47"/>
      <c r="I22" s="47"/>
    </row>
    <row r="23" spans="1:9" s="9" customFormat="1">
      <c r="A23" s="47"/>
      <c r="B23" s="51"/>
      <c r="C23" s="47"/>
      <c r="D23" s="47"/>
      <c r="E23" s="47"/>
      <c r="F23" s="47"/>
      <c r="G23" s="47"/>
      <c r="H23" s="47"/>
      <c r="I23" s="47"/>
    </row>
    <row r="24" spans="1:9" s="9" customFormat="1">
      <c r="A24" s="47"/>
      <c r="B24" s="51"/>
      <c r="C24" s="47"/>
      <c r="D24" s="47"/>
      <c r="E24" s="47"/>
      <c r="F24" s="47"/>
      <c r="G24" s="47"/>
      <c r="H24" s="47"/>
      <c r="I24" s="47"/>
    </row>
    <row r="25" spans="1:9" s="9" customFormat="1">
      <c r="A25" s="47"/>
      <c r="B25" s="51"/>
      <c r="C25" s="47"/>
      <c r="D25" s="47"/>
      <c r="E25" s="47"/>
      <c r="F25" s="47"/>
      <c r="G25" s="47"/>
      <c r="H25" s="47"/>
      <c r="I25" s="47"/>
    </row>
    <row r="26" spans="1:9" s="9" customFormat="1">
      <c r="A26" s="47"/>
      <c r="B26" s="51"/>
      <c r="C26" s="47"/>
      <c r="D26" s="47"/>
      <c r="E26" s="47"/>
      <c r="F26" s="47"/>
      <c r="G26" s="47"/>
      <c r="H26" s="47"/>
      <c r="I26" s="47"/>
    </row>
    <row r="27" spans="1:9" s="9" customFormat="1">
      <c r="B27" s="12"/>
    </row>
    <row r="28" spans="1:9" s="9" customFormat="1">
      <c r="B28" s="12"/>
    </row>
    <row r="29" spans="1:9" s="9" customFormat="1">
      <c r="B29" s="12"/>
    </row>
    <row r="30" spans="1:9" s="9" customFormat="1">
      <c r="B30" s="12"/>
    </row>
    <row r="31" spans="1:9" s="9" customFormat="1">
      <c r="B31" s="12"/>
    </row>
    <row r="32" spans="1:9" s="9" customFormat="1">
      <c r="B32" s="12"/>
    </row>
    <row r="33" spans="2:2" s="9" customFormat="1">
      <c r="B33" s="12"/>
    </row>
    <row r="34" spans="2:2" s="9" customFormat="1">
      <c r="B34" s="12"/>
    </row>
    <row r="35" spans="2:2" s="9" customFormat="1">
      <c r="B35" s="12"/>
    </row>
    <row r="36" spans="2:2" s="9" customFormat="1">
      <c r="B36" s="12"/>
    </row>
    <row r="37" spans="2:2" s="9" customFormat="1">
      <c r="B37" s="12"/>
    </row>
    <row r="38" spans="2:2" s="9" customFormat="1">
      <c r="B38" s="12"/>
    </row>
    <row r="39" spans="2:2" s="9" customFormat="1">
      <c r="B39" s="12"/>
    </row>
    <row r="40" spans="2:2" s="9" customFormat="1">
      <c r="B40" s="12"/>
    </row>
    <row r="41" spans="2:2" s="9" customFormat="1">
      <c r="B41" s="12"/>
    </row>
    <row r="42" spans="2:2" s="9" customFormat="1">
      <c r="B42" s="12"/>
    </row>
    <row r="43" spans="2:2" s="9" customFormat="1">
      <c r="B43" s="12"/>
    </row>
    <row r="44" spans="2:2" s="9" customFormat="1">
      <c r="B44" s="12"/>
    </row>
    <row r="45" spans="2:2" s="9" customFormat="1">
      <c r="B45" s="12"/>
    </row>
    <row r="46" spans="2:2" s="9" customFormat="1">
      <c r="B46" s="12"/>
    </row>
    <row r="47" spans="2:2" s="9" customFormat="1">
      <c r="B47" s="12"/>
    </row>
    <row r="48" spans="2:2" s="9" customFormat="1">
      <c r="B48" s="12"/>
    </row>
    <row r="49" spans="2:2" s="9" customFormat="1">
      <c r="B49" s="12"/>
    </row>
    <row r="50" spans="2:2" s="9" customFormat="1">
      <c r="B50" s="12"/>
    </row>
  </sheetData>
  <mergeCells count="2">
    <mergeCell ref="C5:D5"/>
    <mergeCell ref="F5:G5"/>
  </mergeCells>
  <pageMargins left="0.70866141732283472" right="0.70866141732283472" top="0.74803149606299213" bottom="0.74803149606299213" header="0.31496062992125984" footer="0.31496062992125984"/>
  <pageSetup paperSize="9" orientation="landscape" r:id="rId1"/>
</worksheet>
</file>

<file path=docProps/app.xml><?xml version="1.0" encoding="utf-8"?>
<Properties xmlns="http://schemas.openxmlformats.org/officeDocument/2006/extended-properties" xmlns:vt="http://schemas.openxmlformats.org/officeDocument/2006/docPropsVTypes">
  <TotalTime>0</TotalTime>
  <Application>Microsoft Excel</Application>
  <DocSecurity>0</DocSecurity>
  <ScaleCrop>false</ScaleCrop>
  <HeadingPairs>
    <vt:vector size="4" baseType="variant">
      <vt:variant>
        <vt:lpstr>Worksheets</vt:lpstr>
      </vt:variant>
      <vt:variant>
        <vt:i4>18</vt:i4>
      </vt:variant>
      <vt:variant>
        <vt:lpstr>Named Ranges</vt:lpstr>
      </vt:variant>
      <vt:variant>
        <vt:i4>2</vt:i4>
      </vt:variant>
    </vt:vector>
  </HeadingPairs>
  <TitlesOfParts>
    <vt:vector size="20" baseType="lpstr">
      <vt:lpstr>Transitional own funds</vt:lpstr>
      <vt:lpstr>Overview of RWAs</vt:lpstr>
      <vt:lpstr>Insurance non-deducted</vt:lpstr>
      <vt:lpstr>SA CRM</vt:lpstr>
      <vt:lpstr>SA Asset class </vt:lpstr>
      <vt:lpstr>IRB exp PD</vt:lpstr>
      <vt:lpstr>IRB credit der</vt:lpstr>
      <vt:lpstr>CCR by approach</vt:lpstr>
      <vt:lpstr>CVA</vt:lpstr>
      <vt:lpstr>SA CCR Exp class</vt:lpstr>
      <vt:lpstr>IRB CCR Portf PD</vt:lpstr>
      <vt:lpstr>CCR netting</vt:lpstr>
      <vt:lpstr>CCR collateral</vt:lpstr>
      <vt:lpstr>CCR credit der</vt:lpstr>
      <vt:lpstr>MR SA</vt:lpstr>
      <vt:lpstr>MR IMA</vt:lpstr>
      <vt:lpstr>Trading book VaR</vt:lpstr>
      <vt:lpstr>Trading book back test</vt:lpstr>
      <vt:lpstr>'IRB credit der'!Print_Area</vt:lpstr>
      <vt:lpstr>'IRB exp PD'!Print_Area</vt:lpstr>
    </vt:vector>
  </TitlesOfParts>
  <Company>Skandinaviska Enskilda Banken</Company>
  <LinksUpToDate>false</LinksUpToDate>
  <SharedDoc>false</SharedDoc>
  <HyperlinksChanged>false</HyperlinksChanged>
  <AppVersion>14.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Kenneth Olsson</dc:creator>
  <cp:lastModifiedBy>Emanuelsson, Lars</cp:lastModifiedBy>
  <cp:lastPrinted>2017-07-12T13:12:09Z</cp:lastPrinted>
  <dcterms:created xsi:type="dcterms:W3CDTF">2007-10-03T11:47:23Z</dcterms:created>
  <dcterms:modified xsi:type="dcterms:W3CDTF">2017-07-14T05:34:36Z</dcterms:modified>
</cp:coreProperties>
</file>